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5"/>
  </p:notesMasterIdLst>
  <p:sldIdLst>
    <p:sldId id="286" r:id="rId2"/>
    <p:sldId id="275" r:id="rId3"/>
    <p:sldId id="287" r:id="rId4"/>
    <p:sldId id="257" r:id="rId5"/>
    <p:sldId id="258" r:id="rId6"/>
    <p:sldId id="259" r:id="rId7"/>
    <p:sldId id="260" r:id="rId8"/>
    <p:sldId id="278" r:id="rId9"/>
    <p:sldId id="279" r:id="rId10"/>
    <p:sldId id="280" r:id="rId11"/>
    <p:sldId id="282" r:id="rId12"/>
    <p:sldId id="283" r:id="rId13"/>
    <p:sldId id="284" r:id="rId14"/>
  </p:sldIdLst>
  <p:sldSz cx="9144000" cy="6858000" type="screen4x3"/>
  <p:notesSz cx="6858000" cy="9144000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 snapToObjects="1">
      <p:cViewPr varScale="1">
        <p:scale>
          <a:sx n="62" d="100"/>
          <a:sy n="62" d="100"/>
        </p:scale>
        <p:origin x="1402" y="5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274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9E82435-57E4-4437-90AA-97887F7F5919}" type="doc">
      <dgm:prSet loTypeId="urn:microsoft.com/office/officeart/2005/8/layout/hierarchy4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9293385B-7847-4361-906A-0B3FD9DA0098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3</a:t>
          </a:r>
        </a:p>
      </dgm:t>
    </dgm:pt>
    <dgm:pt modelId="{8275959B-56CB-43EC-94F2-5DCDABC142A1}" type="par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5D5DD0B-9FF9-4B9E-8AD3-E49A00D02B5E}" type="sib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1A18282-D156-4947-A70F-DF6840B78215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1</a:t>
          </a:r>
        </a:p>
      </dgm:t>
    </dgm:pt>
    <dgm:pt modelId="{BC8D074A-4EE1-4185-AD5B-DDD7CB421078}" type="par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F193473-5ED7-4D69-A10B-6488F1ACA051}" type="sib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D916311-0681-4A19-B47B-641F2B8A87E8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2</a:t>
          </a:r>
        </a:p>
      </dgm:t>
    </dgm:pt>
    <dgm:pt modelId="{DEF155AC-F273-4048-B2C7-A8EE428C4B59}" type="par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808C233A-10A4-4179-A854-F96C5EBE306A}" type="sib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1574574F-F682-464F-A0F5-8BE7CA61DD3F}">
      <dgm:prSet phldrT="[Text]" custT="1"/>
      <dgm:spPr/>
      <dgm:t>
        <a:bodyPr/>
        <a:lstStyle/>
        <a:p>
          <a:r>
            <a:rPr lang="en-GB" sz="48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ested narrative </a:t>
          </a:r>
        </a:p>
      </dgm:t>
    </dgm:pt>
    <dgm:pt modelId="{AC4FF1FF-79FC-4D7B-924D-BFF4CBB9948E}" type="sib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DEF389F-9F3F-4E54-8691-6592F90A0066}" type="par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237CFFA0-85A6-4F2F-A6C1-4967A4E574FF}" type="pres">
      <dgm:prSet presAssocID="{39E82435-57E4-4437-90AA-97887F7F5919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FC5D3813-E488-6B4B-8A87-E62EED6CD7E3}" type="pres">
      <dgm:prSet presAssocID="{1574574F-F682-464F-A0F5-8BE7CA61DD3F}" presName="vertOne" presStyleCnt="0"/>
      <dgm:spPr/>
    </dgm:pt>
    <dgm:pt modelId="{13CA0905-382D-AD41-9667-FD9B5AF46093}" type="pres">
      <dgm:prSet presAssocID="{1574574F-F682-464F-A0F5-8BE7CA61DD3F}" presName="txOne" presStyleLbl="node0" presStyleIdx="0" presStyleCnt="1">
        <dgm:presLayoutVars>
          <dgm:chPref val="3"/>
        </dgm:presLayoutVars>
      </dgm:prSet>
      <dgm:spPr/>
    </dgm:pt>
    <dgm:pt modelId="{9681BA68-E1E2-1743-8A70-AC04ADEA55FA}" type="pres">
      <dgm:prSet presAssocID="{1574574F-F682-464F-A0F5-8BE7CA61DD3F}" presName="parTransOne" presStyleCnt="0"/>
      <dgm:spPr/>
    </dgm:pt>
    <dgm:pt modelId="{8EB4D866-61E0-434B-9E6A-69D932ED9845}" type="pres">
      <dgm:prSet presAssocID="{1574574F-F682-464F-A0F5-8BE7CA61DD3F}" presName="horzOne" presStyleCnt="0"/>
      <dgm:spPr/>
    </dgm:pt>
    <dgm:pt modelId="{4726A80F-1D51-A94E-8A55-AC5D7849922A}" type="pres">
      <dgm:prSet presAssocID="{D1A18282-D156-4947-A70F-DF6840B78215}" presName="vertTwo" presStyleCnt="0"/>
      <dgm:spPr/>
    </dgm:pt>
    <dgm:pt modelId="{94248671-72E7-604D-A9CB-E821FA0F8DFA}" type="pres">
      <dgm:prSet presAssocID="{D1A18282-D156-4947-A70F-DF6840B78215}" presName="txTwo" presStyleLbl="node2" presStyleIdx="0" presStyleCnt="3">
        <dgm:presLayoutVars>
          <dgm:chPref val="3"/>
        </dgm:presLayoutVars>
      </dgm:prSet>
      <dgm:spPr/>
    </dgm:pt>
    <dgm:pt modelId="{A544DC64-0883-FC41-94C8-79963145FBFE}" type="pres">
      <dgm:prSet presAssocID="{D1A18282-D156-4947-A70F-DF6840B78215}" presName="horzTwo" presStyleCnt="0"/>
      <dgm:spPr/>
    </dgm:pt>
    <dgm:pt modelId="{143B9CF1-5FAA-1441-B4DC-1E474DDAE177}" type="pres">
      <dgm:prSet presAssocID="{4F193473-5ED7-4D69-A10B-6488F1ACA051}" presName="sibSpaceTwo" presStyleCnt="0"/>
      <dgm:spPr/>
    </dgm:pt>
    <dgm:pt modelId="{C8DB383E-F294-C84D-B861-43CD80FDAB3E}" type="pres">
      <dgm:prSet presAssocID="{9D916311-0681-4A19-B47B-641F2B8A87E8}" presName="vertTwo" presStyleCnt="0"/>
      <dgm:spPr/>
    </dgm:pt>
    <dgm:pt modelId="{BF41E884-657C-0047-A269-8F0C53572994}" type="pres">
      <dgm:prSet presAssocID="{9D916311-0681-4A19-B47B-641F2B8A87E8}" presName="txTwo" presStyleLbl="node2" presStyleIdx="1" presStyleCnt="3">
        <dgm:presLayoutVars>
          <dgm:chPref val="3"/>
        </dgm:presLayoutVars>
      </dgm:prSet>
      <dgm:spPr/>
    </dgm:pt>
    <dgm:pt modelId="{B6FF3E92-DA20-6940-BF06-ED5A6E4E2A7B}" type="pres">
      <dgm:prSet presAssocID="{9D916311-0681-4A19-B47B-641F2B8A87E8}" presName="horzTwo" presStyleCnt="0"/>
      <dgm:spPr/>
    </dgm:pt>
    <dgm:pt modelId="{2167564C-DE3A-7A4F-8A0E-A77E8FF6D26C}" type="pres">
      <dgm:prSet presAssocID="{808C233A-10A4-4179-A854-F96C5EBE306A}" presName="sibSpaceTwo" presStyleCnt="0"/>
      <dgm:spPr/>
    </dgm:pt>
    <dgm:pt modelId="{78E9722D-7C5F-9140-9BBF-14867B738FFB}" type="pres">
      <dgm:prSet presAssocID="{9293385B-7847-4361-906A-0B3FD9DA0098}" presName="vertTwo" presStyleCnt="0"/>
      <dgm:spPr/>
    </dgm:pt>
    <dgm:pt modelId="{C8BB2FBB-A697-C94B-A688-4800D1442913}" type="pres">
      <dgm:prSet presAssocID="{9293385B-7847-4361-906A-0B3FD9DA0098}" presName="txTwo" presStyleLbl="node2" presStyleIdx="2" presStyleCnt="3">
        <dgm:presLayoutVars>
          <dgm:chPref val="3"/>
        </dgm:presLayoutVars>
      </dgm:prSet>
      <dgm:spPr/>
    </dgm:pt>
    <dgm:pt modelId="{6B5D9625-DC81-2E47-B577-B5E956816006}" type="pres">
      <dgm:prSet presAssocID="{9293385B-7847-4361-906A-0B3FD9DA0098}" presName="horzTwo" presStyleCnt="0"/>
      <dgm:spPr/>
    </dgm:pt>
  </dgm:ptLst>
  <dgm:cxnLst>
    <dgm:cxn modelId="{CB13770D-D152-4E9D-A1D7-7DE3F85EEFB5}" srcId="{1574574F-F682-464F-A0F5-8BE7CA61DD3F}" destId="{9293385B-7847-4361-906A-0B3FD9DA0098}" srcOrd="2" destOrd="0" parTransId="{8275959B-56CB-43EC-94F2-5DCDABC142A1}" sibTransId="{95D5DD0B-9FF9-4B9E-8AD3-E49A00D02B5E}"/>
    <dgm:cxn modelId="{2BD2F56B-9CCE-094F-BDB6-4AA0A43292C2}" type="presOf" srcId="{39E82435-57E4-4437-90AA-97887F7F5919}" destId="{237CFFA0-85A6-4F2F-A6C1-4967A4E574FF}" srcOrd="0" destOrd="0" presId="urn:microsoft.com/office/officeart/2005/8/layout/hierarchy4"/>
    <dgm:cxn modelId="{E526C055-3C6F-DA43-8EBC-6CE5D8887960}" type="presOf" srcId="{1574574F-F682-464F-A0F5-8BE7CA61DD3F}" destId="{13CA0905-382D-AD41-9667-FD9B5AF46093}" srcOrd="0" destOrd="0" presId="urn:microsoft.com/office/officeart/2005/8/layout/hierarchy4"/>
    <dgm:cxn modelId="{DD19DA9C-EE2F-8145-A1DA-D67CC1D09A36}" type="presOf" srcId="{9293385B-7847-4361-906A-0B3FD9DA0098}" destId="{C8BB2FBB-A697-C94B-A688-4800D1442913}" srcOrd="0" destOrd="0" presId="urn:microsoft.com/office/officeart/2005/8/layout/hierarchy4"/>
    <dgm:cxn modelId="{62B433B0-D8D1-BD46-9BF3-5D47B3E91BB8}" type="presOf" srcId="{9D916311-0681-4A19-B47B-641F2B8A87E8}" destId="{BF41E884-657C-0047-A269-8F0C53572994}" srcOrd="0" destOrd="0" presId="urn:microsoft.com/office/officeart/2005/8/layout/hierarchy4"/>
    <dgm:cxn modelId="{8528ECE3-2A38-48EA-A870-44D80CB0BC7C}" srcId="{1574574F-F682-464F-A0F5-8BE7CA61DD3F}" destId="{D1A18282-D156-4947-A70F-DF6840B78215}" srcOrd="0" destOrd="0" parTransId="{BC8D074A-4EE1-4185-AD5B-DDD7CB421078}" sibTransId="{4F193473-5ED7-4D69-A10B-6488F1ACA051}"/>
    <dgm:cxn modelId="{A16AF4EA-351E-1848-B955-ABBECBF82254}" type="presOf" srcId="{D1A18282-D156-4947-A70F-DF6840B78215}" destId="{94248671-72E7-604D-A9CB-E821FA0F8DFA}" srcOrd="0" destOrd="0" presId="urn:microsoft.com/office/officeart/2005/8/layout/hierarchy4"/>
    <dgm:cxn modelId="{AC7FB3F8-55A0-4BD6-B084-7CFE35C81D6A}" srcId="{39E82435-57E4-4437-90AA-97887F7F5919}" destId="{1574574F-F682-464F-A0F5-8BE7CA61DD3F}" srcOrd="0" destOrd="0" parTransId="{4DEF389F-9F3F-4E54-8691-6592F90A0066}" sibTransId="{AC4FF1FF-79FC-4D7B-924D-BFF4CBB9948E}"/>
    <dgm:cxn modelId="{98C202F9-4390-409E-AC41-9F563029427A}" srcId="{1574574F-F682-464F-A0F5-8BE7CA61DD3F}" destId="{9D916311-0681-4A19-B47B-641F2B8A87E8}" srcOrd="1" destOrd="0" parTransId="{DEF155AC-F273-4048-B2C7-A8EE428C4B59}" sibTransId="{808C233A-10A4-4179-A854-F96C5EBE306A}"/>
    <dgm:cxn modelId="{BD2BD61F-5481-3244-A220-01100F115A8F}" type="presParOf" srcId="{237CFFA0-85A6-4F2F-A6C1-4967A4E574FF}" destId="{FC5D3813-E488-6B4B-8A87-E62EED6CD7E3}" srcOrd="0" destOrd="0" presId="urn:microsoft.com/office/officeart/2005/8/layout/hierarchy4"/>
    <dgm:cxn modelId="{797E021D-226F-FA49-BC53-8B661EC664B5}" type="presParOf" srcId="{FC5D3813-E488-6B4B-8A87-E62EED6CD7E3}" destId="{13CA0905-382D-AD41-9667-FD9B5AF46093}" srcOrd="0" destOrd="0" presId="urn:microsoft.com/office/officeart/2005/8/layout/hierarchy4"/>
    <dgm:cxn modelId="{05D99D6F-3F91-BC46-BB0F-5E3AEA4F4BBB}" type="presParOf" srcId="{FC5D3813-E488-6B4B-8A87-E62EED6CD7E3}" destId="{9681BA68-E1E2-1743-8A70-AC04ADEA55FA}" srcOrd="1" destOrd="0" presId="urn:microsoft.com/office/officeart/2005/8/layout/hierarchy4"/>
    <dgm:cxn modelId="{956F492A-B462-6E48-9457-04B5B10D1701}" type="presParOf" srcId="{FC5D3813-E488-6B4B-8A87-E62EED6CD7E3}" destId="{8EB4D866-61E0-434B-9E6A-69D932ED9845}" srcOrd="2" destOrd="0" presId="urn:microsoft.com/office/officeart/2005/8/layout/hierarchy4"/>
    <dgm:cxn modelId="{85F4C1C1-3C3D-F045-B542-FADBF3A3EA8C}" type="presParOf" srcId="{8EB4D866-61E0-434B-9E6A-69D932ED9845}" destId="{4726A80F-1D51-A94E-8A55-AC5D7849922A}" srcOrd="0" destOrd="0" presId="urn:microsoft.com/office/officeart/2005/8/layout/hierarchy4"/>
    <dgm:cxn modelId="{A9FD410F-0913-7A48-A903-A5B6204ABE1C}" type="presParOf" srcId="{4726A80F-1D51-A94E-8A55-AC5D7849922A}" destId="{94248671-72E7-604D-A9CB-E821FA0F8DFA}" srcOrd="0" destOrd="0" presId="urn:microsoft.com/office/officeart/2005/8/layout/hierarchy4"/>
    <dgm:cxn modelId="{80AEABE7-B68D-A54A-A158-138BAE34E11C}" type="presParOf" srcId="{4726A80F-1D51-A94E-8A55-AC5D7849922A}" destId="{A544DC64-0883-FC41-94C8-79963145FBFE}" srcOrd="1" destOrd="0" presId="urn:microsoft.com/office/officeart/2005/8/layout/hierarchy4"/>
    <dgm:cxn modelId="{CC8A8FD3-E4DF-154D-9692-EC539B88C914}" type="presParOf" srcId="{8EB4D866-61E0-434B-9E6A-69D932ED9845}" destId="{143B9CF1-5FAA-1441-B4DC-1E474DDAE177}" srcOrd="1" destOrd="0" presId="urn:microsoft.com/office/officeart/2005/8/layout/hierarchy4"/>
    <dgm:cxn modelId="{AA257DBD-4EFD-9947-8AA0-6B992AEA6FCD}" type="presParOf" srcId="{8EB4D866-61E0-434B-9E6A-69D932ED9845}" destId="{C8DB383E-F294-C84D-B861-43CD80FDAB3E}" srcOrd="2" destOrd="0" presId="urn:microsoft.com/office/officeart/2005/8/layout/hierarchy4"/>
    <dgm:cxn modelId="{16BE5765-4029-9940-90E2-1917691DED87}" type="presParOf" srcId="{C8DB383E-F294-C84D-B861-43CD80FDAB3E}" destId="{BF41E884-657C-0047-A269-8F0C53572994}" srcOrd="0" destOrd="0" presId="urn:microsoft.com/office/officeart/2005/8/layout/hierarchy4"/>
    <dgm:cxn modelId="{FC0EEDBE-A2AB-B24B-8471-BD863E0113DC}" type="presParOf" srcId="{C8DB383E-F294-C84D-B861-43CD80FDAB3E}" destId="{B6FF3E92-DA20-6940-BF06-ED5A6E4E2A7B}" srcOrd="1" destOrd="0" presId="urn:microsoft.com/office/officeart/2005/8/layout/hierarchy4"/>
    <dgm:cxn modelId="{F5FAB85C-7A4D-FC44-8159-7940EB17B04F}" type="presParOf" srcId="{8EB4D866-61E0-434B-9E6A-69D932ED9845}" destId="{2167564C-DE3A-7A4F-8A0E-A77E8FF6D26C}" srcOrd="3" destOrd="0" presId="urn:microsoft.com/office/officeart/2005/8/layout/hierarchy4"/>
    <dgm:cxn modelId="{8DBBC8EE-48DB-584B-9E15-20F01A3A809E}" type="presParOf" srcId="{8EB4D866-61E0-434B-9E6A-69D932ED9845}" destId="{78E9722D-7C5F-9140-9BBF-14867B738FFB}" srcOrd="4" destOrd="0" presId="urn:microsoft.com/office/officeart/2005/8/layout/hierarchy4"/>
    <dgm:cxn modelId="{3C6AEC74-0939-F043-B2C3-B9CB23B3BAEA}" type="presParOf" srcId="{78E9722D-7C5F-9140-9BBF-14867B738FFB}" destId="{C8BB2FBB-A697-C94B-A688-4800D1442913}" srcOrd="0" destOrd="0" presId="urn:microsoft.com/office/officeart/2005/8/layout/hierarchy4"/>
    <dgm:cxn modelId="{42727FB7-B328-7D4D-828C-4D6DC113CFAC}" type="presParOf" srcId="{78E9722D-7C5F-9140-9BBF-14867B738FFB}" destId="{6B5D9625-DC81-2E47-B577-B5E956816006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9E82435-57E4-4437-90AA-97887F7F5919}" type="doc">
      <dgm:prSet loTypeId="urn:microsoft.com/office/officeart/2005/8/layout/hierarchy4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9293385B-7847-4361-906A-0B3FD9DA0098}">
      <dgm:prSet phldrT="[Text]" custT="1"/>
      <dgm:spPr/>
      <dgm:t>
        <a:bodyPr/>
        <a:lstStyle/>
        <a:p>
          <a:r>
            <a:rPr lang="en-GB" sz="2800" dirty="0"/>
            <a:t>Contested narrative 3</a:t>
          </a:r>
          <a:endParaRPr lang="en-GB" sz="28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8275959B-56CB-43EC-94F2-5DCDABC142A1}" type="par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5D5DD0B-9FF9-4B9E-8AD3-E49A00D02B5E}" type="sib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1A18282-D156-4947-A70F-DF6840B78215}">
      <dgm:prSet phldrT="[Text]" custT="1"/>
      <dgm:spPr/>
      <dgm:t>
        <a:bodyPr/>
        <a:lstStyle/>
        <a:p>
          <a:r>
            <a:rPr lang="en-GB" sz="2800" dirty="0"/>
            <a:t>Contested narrative 1</a:t>
          </a:r>
          <a:endParaRPr lang="en-GB" sz="28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BC8D074A-4EE1-4185-AD5B-DDD7CB421078}" type="par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F193473-5ED7-4D69-A10B-6488F1ACA051}" type="sib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D916311-0681-4A19-B47B-641F2B8A87E8}">
      <dgm:prSet phldrT="[Text]" custT="1"/>
      <dgm:spPr/>
      <dgm:t>
        <a:bodyPr/>
        <a:lstStyle/>
        <a:p>
          <a:r>
            <a:rPr lang="en-GB" sz="2800" dirty="0"/>
            <a:t>Contested narrative 2</a:t>
          </a:r>
          <a:endParaRPr lang="en-GB" sz="28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EF155AC-F273-4048-B2C7-A8EE428C4B59}" type="par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808C233A-10A4-4179-A854-F96C5EBE306A}" type="sib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1574574F-F682-464F-A0F5-8BE7CA61DD3F}">
      <dgm:prSet phldrT="[Text]" custT="1"/>
      <dgm:spPr/>
      <dgm:t>
        <a:bodyPr/>
        <a:lstStyle/>
        <a:p>
          <a:r>
            <a:rPr lang="en-GB" sz="48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</a:t>
          </a:r>
        </a:p>
      </dgm:t>
    </dgm:pt>
    <dgm:pt modelId="{AC4FF1FF-79FC-4D7B-924D-BFF4CBB9948E}" type="sib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DEF389F-9F3F-4E54-8691-6592F90A0066}" type="par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237CFFA0-85A6-4F2F-A6C1-4967A4E574FF}" type="pres">
      <dgm:prSet presAssocID="{39E82435-57E4-4437-90AA-97887F7F5919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FC5D3813-E488-6B4B-8A87-E62EED6CD7E3}" type="pres">
      <dgm:prSet presAssocID="{1574574F-F682-464F-A0F5-8BE7CA61DD3F}" presName="vertOne" presStyleCnt="0"/>
      <dgm:spPr/>
    </dgm:pt>
    <dgm:pt modelId="{13CA0905-382D-AD41-9667-FD9B5AF46093}" type="pres">
      <dgm:prSet presAssocID="{1574574F-F682-464F-A0F5-8BE7CA61DD3F}" presName="txOne" presStyleLbl="node0" presStyleIdx="0" presStyleCnt="1">
        <dgm:presLayoutVars>
          <dgm:chPref val="3"/>
        </dgm:presLayoutVars>
      </dgm:prSet>
      <dgm:spPr/>
    </dgm:pt>
    <dgm:pt modelId="{9681BA68-E1E2-1743-8A70-AC04ADEA55FA}" type="pres">
      <dgm:prSet presAssocID="{1574574F-F682-464F-A0F5-8BE7CA61DD3F}" presName="parTransOne" presStyleCnt="0"/>
      <dgm:spPr/>
    </dgm:pt>
    <dgm:pt modelId="{8EB4D866-61E0-434B-9E6A-69D932ED9845}" type="pres">
      <dgm:prSet presAssocID="{1574574F-F682-464F-A0F5-8BE7CA61DD3F}" presName="horzOne" presStyleCnt="0"/>
      <dgm:spPr/>
    </dgm:pt>
    <dgm:pt modelId="{4726A80F-1D51-A94E-8A55-AC5D7849922A}" type="pres">
      <dgm:prSet presAssocID="{D1A18282-D156-4947-A70F-DF6840B78215}" presName="vertTwo" presStyleCnt="0"/>
      <dgm:spPr/>
    </dgm:pt>
    <dgm:pt modelId="{94248671-72E7-604D-A9CB-E821FA0F8DFA}" type="pres">
      <dgm:prSet presAssocID="{D1A18282-D156-4947-A70F-DF6840B78215}" presName="txTwo" presStyleLbl="node2" presStyleIdx="0" presStyleCnt="3">
        <dgm:presLayoutVars>
          <dgm:chPref val="3"/>
        </dgm:presLayoutVars>
      </dgm:prSet>
      <dgm:spPr/>
    </dgm:pt>
    <dgm:pt modelId="{A544DC64-0883-FC41-94C8-79963145FBFE}" type="pres">
      <dgm:prSet presAssocID="{D1A18282-D156-4947-A70F-DF6840B78215}" presName="horzTwo" presStyleCnt="0"/>
      <dgm:spPr/>
    </dgm:pt>
    <dgm:pt modelId="{143B9CF1-5FAA-1441-B4DC-1E474DDAE177}" type="pres">
      <dgm:prSet presAssocID="{4F193473-5ED7-4D69-A10B-6488F1ACA051}" presName="sibSpaceTwo" presStyleCnt="0"/>
      <dgm:spPr/>
    </dgm:pt>
    <dgm:pt modelId="{C8DB383E-F294-C84D-B861-43CD80FDAB3E}" type="pres">
      <dgm:prSet presAssocID="{9D916311-0681-4A19-B47B-641F2B8A87E8}" presName="vertTwo" presStyleCnt="0"/>
      <dgm:spPr/>
    </dgm:pt>
    <dgm:pt modelId="{BF41E884-657C-0047-A269-8F0C53572994}" type="pres">
      <dgm:prSet presAssocID="{9D916311-0681-4A19-B47B-641F2B8A87E8}" presName="txTwo" presStyleLbl="node2" presStyleIdx="1" presStyleCnt="3">
        <dgm:presLayoutVars>
          <dgm:chPref val="3"/>
        </dgm:presLayoutVars>
      </dgm:prSet>
      <dgm:spPr/>
    </dgm:pt>
    <dgm:pt modelId="{B6FF3E92-DA20-6940-BF06-ED5A6E4E2A7B}" type="pres">
      <dgm:prSet presAssocID="{9D916311-0681-4A19-B47B-641F2B8A87E8}" presName="horzTwo" presStyleCnt="0"/>
      <dgm:spPr/>
    </dgm:pt>
    <dgm:pt modelId="{2167564C-DE3A-7A4F-8A0E-A77E8FF6D26C}" type="pres">
      <dgm:prSet presAssocID="{808C233A-10A4-4179-A854-F96C5EBE306A}" presName="sibSpaceTwo" presStyleCnt="0"/>
      <dgm:spPr/>
    </dgm:pt>
    <dgm:pt modelId="{78E9722D-7C5F-9140-9BBF-14867B738FFB}" type="pres">
      <dgm:prSet presAssocID="{9293385B-7847-4361-906A-0B3FD9DA0098}" presName="vertTwo" presStyleCnt="0"/>
      <dgm:spPr/>
    </dgm:pt>
    <dgm:pt modelId="{C8BB2FBB-A697-C94B-A688-4800D1442913}" type="pres">
      <dgm:prSet presAssocID="{9293385B-7847-4361-906A-0B3FD9DA0098}" presName="txTwo" presStyleLbl="node2" presStyleIdx="2" presStyleCnt="3">
        <dgm:presLayoutVars>
          <dgm:chPref val="3"/>
        </dgm:presLayoutVars>
      </dgm:prSet>
      <dgm:spPr/>
    </dgm:pt>
    <dgm:pt modelId="{6B5D9625-DC81-2E47-B577-B5E956816006}" type="pres">
      <dgm:prSet presAssocID="{9293385B-7847-4361-906A-0B3FD9DA0098}" presName="horzTwo" presStyleCnt="0"/>
      <dgm:spPr/>
    </dgm:pt>
  </dgm:ptLst>
  <dgm:cxnLst>
    <dgm:cxn modelId="{CB13770D-D152-4E9D-A1D7-7DE3F85EEFB5}" srcId="{1574574F-F682-464F-A0F5-8BE7CA61DD3F}" destId="{9293385B-7847-4361-906A-0B3FD9DA0098}" srcOrd="2" destOrd="0" parTransId="{8275959B-56CB-43EC-94F2-5DCDABC142A1}" sibTransId="{95D5DD0B-9FF9-4B9E-8AD3-E49A00D02B5E}"/>
    <dgm:cxn modelId="{02966C4C-4687-2144-BA7B-869D1F259841}" type="presOf" srcId="{9D916311-0681-4A19-B47B-641F2B8A87E8}" destId="{BF41E884-657C-0047-A269-8F0C53572994}" srcOrd="0" destOrd="0" presId="urn:microsoft.com/office/officeart/2005/8/layout/hierarchy4"/>
    <dgm:cxn modelId="{4F6F9C6C-E286-3542-9BFB-29E0631EE597}" type="presOf" srcId="{D1A18282-D156-4947-A70F-DF6840B78215}" destId="{94248671-72E7-604D-A9CB-E821FA0F8DFA}" srcOrd="0" destOrd="0" presId="urn:microsoft.com/office/officeart/2005/8/layout/hierarchy4"/>
    <dgm:cxn modelId="{6B24F44D-A210-4144-B768-8BBEC681A714}" type="presOf" srcId="{1574574F-F682-464F-A0F5-8BE7CA61DD3F}" destId="{13CA0905-382D-AD41-9667-FD9B5AF46093}" srcOrd="0" destOrd="0" presId="urn:microsoft.com/office/officeart/2005/8/layout/hierarchy4"/>
    <dgm:cxn modelId="{C189F9CA-B2EC-194D-80F1-E40994388015}" type="presOf" srcId="{39E82435-57E4-4437-90AA-97887F7F5919}" destId="{237CFFA0-85A6-4F2F-A6C1-4967A4E574FF}" srcOrd="0" destOrd="0" presId="urn:microsoft.com/office/officeart/2005/8/layout/hierarchy4"/>
    <dgm:cxn modelId="{C2D19AD5-62C2-A54A-99AF-C94B88BD3AD3}" type="presOf" srcId="{9293385B-7847-4361-906A-0B3FD9DA0098}" destId="{C8BB2FBB-A697-C94B-A688-4800D1442913}" srcOrd="0" destOrd="0" presId="urn:microsoft.com/office/officeart/2005/8/layout/hierarchy4"/>
    <dgm:cxn modelId="{8528ECE3-2A38-48EA-A870-44D80CB0BC7C}" srcId="{1574574F-F682-464F-A0F5-8BE7CA61DD3F}" destId="{D1A18282-D156-4947-A70F-DF6840B78215}" srcOrd="0" destOrd="0" parTransId="{BC8D074A-4EE1-4185-AD5B-DDD7CB421078}" sibTransId="{4F193473-5ED7-4D69-A10B-6488F1ACA051}"/>
    <dgm:cxn modelId="{AC7FB3F8-55A0-4BD6-B084-7CFE35C81D6A}" srcId="{39E82435-57E4-4437-90AA-97887F7F5919}" destId="{1574574F-F682-464F-A0F5-8BE7CA61DD3F}" srcOrd="0" destOrd="0" parTransId="{4DEF389F-9F3F-4E54-8691-6592F90A0066}" sibTransId="{AC4FF1FF-79FC-4D7B-924D-BFF4CBB9948E}"/>
    <dgm:cxn modelId="{98C202F9-4390-409E-AC41-9F563029427A}" srcId="{1574574F-F682-464F-A0F5-8BE7CA61DD3F}" destId="{9D916311-0681-4A19-B47B-641F2B8A87E8}" srcOrd="1" destOrd="0" parTransId="{DEF155AC-F273-4048-B2C7-A8EE428C4B59}" sibTransId="{808C233A-10A4-4179-A854-F96C5EBE306A}"/>
    <dgm:cxn modelId="{E18E9489-F76B-CB4A-B9CB-3FC7552A8A21}" type="presParOf" srcId="{237CFFA0-85A6-4F2F-A6C1-4967A4E574FF}" destId="{FC5D3813-E488-6B4B-8A87-E62EED6CD7E3}" srcOrd="0" destOrd="0" presId="urn:microsoft.com/office/officeart/2005/8/layout/hierarchy4"/>
    <dgm:cxn modelId="{B6E376C1-45B6-284B-ACF0-4EE4D18EB1EE}" type="presParOf" srcId="{FC5D3813-E488-6B4B-8A87-E62EED6CD7E3}" destId="{13CA0905-382D-AD41-9667-FD9B5AF46093}" srcOrd="0" destOrd="0" presId="urn:microsoft.com/office/officeart/2005/8/layout/hierarchy4"/>
    <dgm:cxn modelId="{91AD8336-5378-D44A-B596-9F36E04FD713}" type="presParOf" srcId="{FC5D3813-E488-6B4B-8A87-E62EED6CD7E3}" destId="{9681BA68-E1E2-1743-8A70-AC04ADEA55FA}" srcOrd="1" destOrd="0" presId="urn:microsoft.com/office/officeart/2005/8/layout/hierarchy4"/>
    <dgm:cxn modelId="{FD196AFF-A680-7E4F-98BB-8F45A67B3A2E}" type="presParOf" srcId="{FC5D3813-E488-6B4B-8A87-E62EED6CD7E3}" destId="{8EB4D866-61E0-434B-9E6A-69D932ED9845}" srcOrd="2" destOrd="0" presId="urn:microsoft.com/office/officeart/2005/8/layout/hierarchy4"/>
    <dgm:cxn modelId="{993A1AE7-D756-424B-AE5A-8027BAE1CE32}" type="presParOf" srcId="{8EB4D866-61E0-434B-9E6A-69D932ED9845}" destId="{4726A80F-1D51-A94E-8A55-AC5D7849922A}" srcOrd="0" destOrd="0" presId="urn:microsoft.com/office/officeart/2005/8/layout/hierarchy4"/>
    <dgm:cxn modelId="{3FBFAB39-7E6E-7841-B8EC-BC3350E71166}" type="presParOf" srcId="{4726A80F-1D51-A94E-8A55-AC5D7849922A}" destId="{94248671-72E7-604D-A9CB-E821FA0F8DFA}" srcOrd="0" destOrd="0" presId="urn:microsoft.com/office/officeart/2005/8/layout/hierarchy4"/>
    <dgm:cxn modelId="{EA064EEC-6EA5-4342-9B6C-C1CA1B2331DF}" type="presParOf" srcId="{4726A80F-1D51-A94E-8A55-AC5D7849922A}" destId="{A544DC64-0883-FC41-94C8-79963145FBFE}" srcOrd="1" destOrd="0" presId="urn:microsoft.com/office/officeart/2005/8/layout/hierarchy4"/>
    <dgm:cxn modelId="{145A9845-3E20-D74C-86F2-17A3AD80D6F7}" type="presParOf" srcId="{8EB4D866-61E0-434B-9E6A-69D932ED9845}" destId="{143B9CF1-5FAA-1441-B4DC-1E474DDAE177}" srcOrd="1" destOrd="0" presId="urn:microsoft.com/office/officeart/2005/8/layout/hierarchy4"/>
    <dgm:cxn modelId="{25D52AFF-A51D-3E46-92CF-8DB11F3FC801}" type="presParOf" srcId="{8EB4D866-61E0-434B-9E6A-69D932ED9845}" destId="{C8DB383E-F294-C84D-B861-43CD80FDAB3E}" srcOrd="2" destOrd="0" presId="urn:microsoft.com/office/officeart/2005/8/layout/hierarchy4"/>
    <dgm:cxn modelId="{7E2ECA19-82F2-0B46-88BD-469CE6080BD8}" type="presParOf" srcId="{C8DB383E-F294-C84D-B861-43CD80FDAB3E}" destId="{BF41E884-657C-0047-A269-8F0C53572994}" srcOrd="0" destOrd="0" presId="urn:microsoft.com/office/officeart/2005/8/layout/hierarchy4"/>
    <dgm:cxn modelId="{FFC3CCCC-1429-8E45-BD9F-4FE5E69FB02F}" type="presParOf" srcId="{C8DB383E-F294-C84D-B861-43CD80FDAB3E}" destId="{B6FF3E92-DA20-6940-BF06-ED5A6E4E2A7B}" srcOrd="1" destOrd="0" presId="urn:microsoft.com/office/officeart/2005/8/layout/hierarchy4"/>
    <dgm:cxn modelId="{429D7654-6ADB-2548-825B-93843A542751}" type="presParOf" srcId="{8EB4D866-61E0-434B-9E6A-69D932ED9845}" destId="{2167564C-DE3A-7A4F-8A0E-A77E8FF6D26C}" srcOrd="3" destOrd="0" presId="urn:microsoft.com/office/officeart/2005/8/layout/hierarchy4"/>
    <dgm:cxn modelId="{73BCF7E1-2CEA-464E-A573-1444A4E91352}" type="presParOf" srcId="{8EB4D866-61E0-434B-9E6A-69D932ED9845}" destId="{78E9722D-7C5F-9140-9BBF-14867B738FFB}" srcOrd="4" destOrd="0" presId="urn:microsoft.com/office/officeart/2005/8/layout/hierarchy4"/>
    <dgm:cxn modelId="{38D58CB5-A7B1-7544-B5CF-A07A45441329}" type="presParOf" srcId="{78E9722D-7C5F-9140-9BBF-14867B738FFB}" destId="{C8BB2FBB-A697-C94B-A688-4800D1442913}" srcOrd="0" destOrd="0" presId="urn:microsoft.com/office/officeart/2005/8/layout/hierarchy4"/>
    <dgm:cxn modelId="{68C5BF1C-F44B-3544-8034-28C146E53E12}" type="presParOf" srcId="{78E9722D-7C5F-9140-9BBF-14867B738FFB}" destId="{6B5D9625-DC81-2E47-B577-B5E956816006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39E82435-57E4-4437-90AA-97887F7F5919}" type="doc">
      <dgm:prSet loTypeId="urn:microsoft.com/office/officeart/2005/8/layout/hierarchy4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GB"/>
        </a:p>
      </dgm:t>
    </dgm:pt>
    <dgm:pt modelId="{9293385B-7847-4361-906A-0B3FD9DA0098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lliding rights</a:t>
          </a:r>
        </a:p>
      </dgm:t>
    </dgm:pt>
    <dgm:pt modelId="{8275959B-56CB-43EC-94F2-5DCDABC142A1}" type="par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5D5DD0B-9FF9-4B9E-8AD3-E49A00D02B5E}" type="sibTrans" cxnId="{CB13770D-D152-4E9D-A1D7-7DE3F85EEFB5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D1A18282-D156-4947-A70F-DF6840B78215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dentity</a:t>
          </a:r>
        </a:p>
      </dgm:t>
    </dgm:pt>
    <dgm:pt modelId="{BC8D074A-4EE1-4185-AD5B-DDD7CB421078}" type="par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F193473-5ED7-4D69-A10B-6488F1ACA051}" type="sibTrans" cxnId="{8528ECE3-2A38-48EA-A870-44D80CB0BC7C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9D916311-0681-4A19-B47B-641F2B8A87E8}">
      <dgm:prSet phldrT="[Text]"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ealing with the past </a:t>
          </a:r>
        </a:p>
      </dgm:t>
    </dgm:pt>
    <dgm:pt modelId="{DEF155AC-F273-4048-B2C7-A8EE428C4B59}" type="par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808C233A-10A4-4179-A854-F96C5EBE306A}" type="sibTrans" cxnId="{98C202F9-4390-409E-AC41-9F563029427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1574574F-F682-464F-A0F5-8BE7CA61DD3F}">
      <dgm:prSet phldrT="[Text]" custT="1"/>
      <dgm:spPr/>
      <dgm:t>
        <a:bodyPr/>
        <a:lstStyle/>
        <a:p>
          <a:r>
            <a:rPr lang="en-GB" sz="48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re content</a:t>
          </a:r>
        </a:p>
      </dgm:t>
    </dgm:pt>
    <dgm:pt modelId="{AC4FF1FF-79FC-4D7B-924D-BFF4CBB9948E}" type="sib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4DEF389F-9F3F-4E54-8691-6592F90A0066}" type="parTrans" cxnId="{AC7FB3F8-55A0-4BD6-B084-7CFE35C81D6A}">
      <dgm:prSet/>
      <dgm:spPr/>
      <dgm:t>
        <a:bodyPr/>
        <a:lstStyle/>
        <a:p>
          <a:endParaRPr lang="en-GB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A5932F1B-55E2-CB46-A337-8D12697635BF}">
      <dgm:prSet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eeting the other</a:t>
          </a:r>
        </a:p>
      </dgm:t>
    </dgm:pt>
    <dgm:pt modelId="{A8EDF442-8337-BE45-BE7A-056208369C0E}" type="parTrans" cxnId="{5E35129F-1B22-9F43-B70A-E45CE6EE7686}">
      <dgm:prSet/>
      <dgm:spPr/>
      <dgm:t>
        <a:bodyPr/>
        <a:lstStyle/>
        <a:p>
          <a:endParaRPr lang="da-DK"/>
        </a:p>
      </dgm:t>
    </dgm:pt>
    <dgm:pt modelId="{3913A966-DDF4-8C4E-A4C8-5959D90FCDFE}" type="sibTrans" cxnId="{5E35129F-1B22-9F43-B70A-E45CE6EE7686}">
      <dgm:prSet/>
      <dgm:spPr/>
      <dgm:t>
        <a:bodyPr/>
        <a:lstStyle/>
        <a:p>
          <a:endParaRPr lang="da-DK"/>
        </a:p>
      </dgm:t>
    </dgm:pt>
    <dgm:pt modelId="{BAC76507-C449-334E-9AFB-502110C85F9A}">
      <dgm:prSet/>
      <dgm:spPr/>
      <dgm:t>
        <a:bodyPr/>
        <a:lstStyle/>
        <a:p>
          <a:r>
            <a:rPr lang="en-GB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Power</a:t>
          </a:r>
        </a:p>
      </dgm:t>
    </dgm:pt>
    <dgm:pt modelId="{3368F8BA-7869-4A4C-860B-A39695A473E5}" type="parTrans" cxnId="{D4C53118-DFAA-614A-9793-6BE81E2B42FA}">
      <dgm:prSet/>
      <dgm:spPr/>
      <dgm:t>
        <a:bodyPr/>
        <a:lstStyle/>
        <a:p>
          <a:endParaRPr lang="da-DK"/>
        </a:p>
      </dgm:t>
    </dgm:pt>
    <dgm:pt modelId="{BCA35C36-C1D3-5A45-9282-CAF697C78D55}" type="sibTrans" cxnId="{D4C53118-DFAA-614A-9793-6BE81E2B42FA}">
      <dgm:prSet/>
      <dgm:spPr/>
      <dgm:t>
        <a:bodyPr/>
        <a:lstStyle/>
        <a:p>
          <a:endParaRPr lang="da-DK"/>
        </a:p>
      </dgm:t>
    </dgm:pt>
    <dgm:pt modelId="{237CFFA0-85A6-4F2F-A6C1-4967A4E574FF}" type="pres">
      <dgm:prSet presAssocID="{39E82435-57E4-4437-90AA-97887F7F5919}" presName="Name0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FC5D3813-E488-6B4B-8A87-E62EED6CD7E3}" type="pres">
      <dgm:prSet presAssocID="{1574574F-F682-464F-A0F5-8BE7CA61DD3F}" presName="vertOne" presStyleCnt="0"/>
      <dgm:spPr/>
    </dgm:pt>
    <dgm:pt modelId="{13CA0905-382D-AD41-9667-FD9B5AF46093}" type="pres">
      <dgm:prSet presAssocID="{1574574F-F682-464F-A0F5-8BE7CA61DD3F}" presName="txOne" presStyleLbl="node0" presStyleIdx="0" presStyleCnt="1" custLinFactY="-16846" custLinFactNeighborX="3456" custLinFactNeighborY="-100000">
        <dgm:presLayoutVars>
          <dgm:chPref val="3"/>
        </dgm:presLayoutVars>
      </dgm:prSet>
      <dgm:spPr/>
    </dgm:pt>
    <dgm:pt modelId="{9681BA68-E1E2-1743-8A70-AC04ADEA55FA}" type="pres">
      <dgm:prSet presAssocID="{1574574F-F682-464F-A0F5-8BE7CA61DD3F}" presName="parTransOne" presStyleCnt="0"/>
      <dgm:spPr/>
    </dgm:pt>
    <dgm:pt modelId="{8EB4D866-61E0-434B-9E6A-69D932ED9845}" type="pres">
      <dgm:prSet presAssocID="{1574574F-F682-464F-A0F5-8BE7CA61DD3F}" presName="horzOne" presStyleCnt="0"/>
      <dgm:spPr/>
    </dgm:pt>
    <dgm:pt modelId="{4726A80F-1D51-A94E-8A55-AC5D7849922A}" type="pres">
      <dgm:prSet presAssocID="{D1A18282-D156-4947-A70F-DF6840B78215}" presName="vertTwo" presStyleCnt="0"/>
      <dgm:spPr/>
    </dgm:pt>
    <dgm:pt modelId="{94248671-72E7-604D-A9CB-E821FA0F8DFA}" type="pres">
      <dgm:prSet presAssocID="{D1A18282-D156-4947-A70F-DF6840B78215}" presName="txTwo" presStyleLbl="node2" presStyleIdx="0" presStyleCnt="5" custLinFactNeighborX="-39858" custLinFactNeighborY="67">
        <dgm:presLayoutVars>
          <dgm:chPref val="3"/>
        </dgm:presLayoutVars>
      </dgm:prSet>
      <dgm:spPr/>
    </dgm:pt>
    <dgm:pt modelId="{A544DC64-0883-FC41-94C8-79963145FBFE}" type="pres">
      <dgm:prSet presAssocID="{D1A18282-D156-4947-A70F-DF6840B78215}" presName="horzTwo" presStyleCnt="0"/>
      <dgm:spPr/>
    </dgm:pt>
    <dgm:pt modelId="{143B9CF1-5FAA-1441-B4DC-1E474DDAE177}" type="pres">
      <dgm:prSet presAssocID="{4F193473-5ED7-4D69-A10B-6488F1ACA051}" presName="sibSpaceTwo" presStyleCnt="0"/>
      <dgm:spPr/>
    </dgm:pt>
    <dgm:pt modelId="{C8DB383E-F294-C84D-B861-43CD80FDAB3E}" type="pres">
      <dgm:prSet presAssocID="{9D916311-0681-4A19-B47B-641F2B8A87E8}" presName="vertTwo" presStyleCnt="0"/>
      <dgm:spPr/>
    </dgm:pt>
    <dgm:pt modelId="{BF41E884-657C-0047-A269-8F0C53572994}" type="pres">
      <dgm:prSet presAssocID="{9D916311-0681-4A19-B47B-641F2B8A87E8}" presName="txTwo" presStyleLbl="node2" presStyleIdx="1" presStyleCnt="5">
        <dgm:presLayoutVars>
          <dgm:chPref val="3"/>
        </dgm:presLayoutVars>
      </dgm:prSet>
      <dgm:spPr/>
    </dgm:pt>
    <dgm:pt modelId="{B6FF3E92-DA20-6940-BF06-ED5A6E4E2A7B}" type="pres">
      <dgm:prSet presAssocID="{9D916311-0681-4A19-B47B-641F2B8A87E8}" presName="horzTwo" presStyleCnt="0"/>
      <dgm:spPr/>
    </dgm:pt>
    <dgm:pt modelId="{2167564C-DE3A-7A4F-8A0E-A77E8FF6D26C}" type="pres">
      <dgm:prSet presAssocID="{808C233A-10A4-4179-A854-F96C5EBE306A}" presName="sibSpaceTwo" presStyleCnt="0"/>
      <dgm:spPr/>
    </dgm:pt>
    <dgm:pt modelId="{78E9722D-7C5F-9140-9BBF-14867B738FFB}" type="pres">
      <dgm:prSet presAssocID="{9293385B-7847-4361-906A-0B3FD9DA0098}" presName="vertTwo" presStyleCnt="0"/>
      <dgm:spPr/>
    </dgm:pt>
    <dgm:pt modelId="{C8BB2FBB-A697-C94B-A688-4800D1442913}" type="pres">
      <dgm:prSet presAssocID="{9293385B-7847-4361-906A-0B3FD9DA0098}" presName="txTwo" presStyleLbl="node2" presStyleIdx="2" presStyleCnt="5">
        <dgm:presLayoutVars>
          <dgm:chPref val="3"/>
        </dgm:presLayoutVars>
      </dgm:prSet>
      <dgm:spPr/>
    </dgm:pt>
    <dgm:pt modelId="{6B5D9625-DC81-2E47-B577-B5E956816006}" type="pres">
      <dgm:prSet presAssocID="{9293385B-7847-4361-906A-0B3FD9DA0098}" presName="horzTwo" presStyleCnt="0"/>
      <dgm:spPr/>
    </dgm:pt>
    <dgm:pt modelId="{6AF65DB9-52B4-504A-8DE5-BBF63A1AE69D}" type="pres">
      <dgm:prSet presAssocID="{95D5DD0B-9FF9-4B9E-8AD3-E49A00D02B5E}" presName="sibSpaceTwo" presStyleCnt="0"/>
      <dgm:spPr/>
    </dgm:pt>
    <dgm:pt modelId="{3CE545C2-68DC-1E42-B1D5-42D8CCA41094}" type="pres">
      <dgm:prSet presAssocID="{A5932F1B-55E2-CB46-A337-8D12697635BF}" presName="vertTwo" presStyleCnt="0"/>
      <dgm:spPr/>
    </dgm:pt>
    <dgm:pt modelId="{9BB2872D-606F-F74C-ADDB-FD3A82D32A8A}" type="pres">
      <dgm:prSet presAssocID="{A5932F1B-55E2-CB46-A337-8D12697635BF}" presName="txTwo" presStyleLbl="node2" presStyleIdx="3" presStyleCnt="5">
        <dgm:presLayoutVars>
          <dgm:chPref val="3"/>
        </dgm:presLayoutVars>
      </dgm:prSet>
      <dgm:spPr/>
    </dgm:pt>
    <dgm:pt modelId="{C707AA86-7DBD-7A4F-99E6-4E56A95D2006}" type="pres">
      <dgm:prSet presAssocID="{A5932F1B-55E2-CB46-A337-8D12697635BF}" presName="horzTwo" presStyleCnt="0"/>
      <dgm:spPr/>
    </dgm:pt>
    <dgm:pt modelId="{60F73D41-7F91-EE4E-A67B-6A97158640D9}" type="pres">
      <dgm:prSet presAssocID="{3913A966-DDF4-8C4E-A4C8-5959D90FCDFE}" presName="sibSpaceTwo" presStyleCnt="0"/>
      <dgm:spPr/>
    </dgm:pt>
    <dgm:pt modelId="{04BC9A10-F10C-6946-844A-CE013CE8C45C}" type="pres">
      <dgm:prSet presAssocID="{BAC76507-C449-334E-9AFB-502110C85F9A}" presName="vertTwo" presStyleCnt="0"/>
      <dgm:spPr/>
    </dgm:pt>
    <dgm:pt modelId="{F134FCCF-71E8-B84E-8985-86338D34A3A2}" type="pres">
      <dgm:prSet presAssocID="{BAC76507-C449-334E-9AFB-502110C85F9A}" presName="txTwo" presStyleLbl="node2" presStyleIdx="4" presStyleCnt="5">
        <dgm:presLayoutVars>
          <dgm:chPref val="3"/>
        </dgm:presLayoutVars>
      </dgm:prSet>
      <dgm:spPr/>
    </dgm:pt>
    <dgm:pt modelId="{E066D0B0-867F-7141-B43F-96E21BC14480}" type="pres">
      <dgm:prSet presAssocID="{BAC76507-C449-334E-9AFB-502110C85F9A}" presName="horzTwo" presStyleCnt="0"/>
      <dgm:spPr/>
    </dgm:pt>
  </dgm:ptLst>
  <dgm:cxnLst>
    <dgm:cxn modelId="{CB13770D-D152-4E9D-A1D7-7DE3F85EEFB5}" srcId="{1574574F-F682-464F-A0F5-8BE7CA61DD3F}" destId="{9293385B-7847-4361-906A-0B3FD9DA0098}" srcOrd="2" destOrd="0" parTransId="{8275959B-56CB-43EC-94F2-5DCDABC142A1}" sibTransId="{95D5DD0B-9FF9-4B9E-8AD3-E49A00D02B5E}"/>
    <dgm:cxn modelId="{D4C53118-DFAA-614A-9793-6BE81E2B42FA}" srcId="{1574574F-F682-464F-A0F5-8BE7CA61DD3F}" destId="{BAC76507-C449-334E-9AFB-502110C85F9A}" srcOrd="4" destOrd="0" parTransId="{3368F8BA-7869-4A4C-860B-A39695A473E5}" sibTransId="{BCA35C36-C1D3-5A45-9282-CAF697C78D55}"/>
    <dgm:cxn modelId="{46107D25-81CC-EE4C-9C63-A0408AED5F21}" type="presOf" srcId="{9D916311-0681-4A19-B47B-641F2B8A87E8}" destId="{BF41E884-657C-0047-A269-8F0C53572994}" srcOrd="0" destOrd="0" presId="urn:microsoft.com/office/officeart/2005/8/layout/hierarchy4"/>
    <dgm:cxn modelId="{7412E354-83E4-8C48-8D28-6895F149CFFF}" type="presOf" srcId="{39E82435-57E4-4437-90AA-97887F7F5919}" destId="{237CFFA0-85A6-4F2F-A6C1-4967A4E574FF}" srcOrd="0" destOrd="0" presId="urn:microsoft.com/office/officeart/2005/8/layout/hierarchy4"/>
    <dgm:cxn modelId="{B3913F78-D55A-624E-80C1-FBEB5A6456A6}" type="presOf" srcId="{A5932F1B-55E2-CB46-A337-8D12697635BF}" destId="{9BB2872D-606F-F74C-ADDB-FD3A82D32A8A}" srcOrd="0" destOrd="0" presId="urn:microsoft.com/office/officeart/2005/8/layout/hierarchy4"/>
    <dgm:cxn modelId="{04DE7096-AC44-3D4F-BB10-64BD7B5B1CD7}" type="presOf" srcId="{BAC76507-C449-334E-9AFB-502110C85F9A}" destId="{F134FCCF-71E8-B84E-8985-86338D34A3A2}" srcOrd="0" destOrd="0" presId="urn:microsoft.com/office/officeart/2005/8/layout/hierarchy4"/>
    <dgm:cxn modelId="{5E35129F-1B22-9F43-B70A-E45CE6EE7686}" srcId="{1574574F-F682-464F-A0F5-8BE7CA61DD3F}" destId="{A5932F1B-55E2-CB46-A337-8D12697635BF}" srcOrd="3" destOrd="0" parTransId="{A8EDF442-8337-BE45-BE7A-056208369C0E}" sibTransId="{3913A966-DDF4-8C4E-A4C8-5959D90FCDFE}"/>
    <dgm:cxn modelId="{366995A2-B60A-734A-B945-95D1BF29BA21}" type="presOf" srcId="{D1A18282-D156-4947-A70F-DF6840B78215}" destId="{94248671-72E7-604D-A9CB-E821FA0F8DFA}" srcOrd="0" destOrd="0" presId="urn:microsoft.com/office/officeart/2005/8/layout/hierarchy4"/>
    <dgm:cxn modelId="{8528ECE3-2A38-48EA-A870-44D80CB0BC7C}" srcId="{1574574F-F682-464F-A0F5-8BE7CA61DD3F}" destId="{D1A18282-D156-4947-A70F-DF6840B78215}" srcOrd="0" destOrd="0" parTransId="{BC8D074A-4EE1-4185-AD5B-DDD7CB421078}" sibTransId="{4F193473-5ED7-4D69-A10B-6488F1ACA051}"/>
    <dgm:cxn modelId="{01035FF8-082F-9145-B78E-918BDAA7A2B9}" type="presOf" srcId="{1574574F-F682-464F-A0F5-8BE7CA61DD3F}" destId="{13CA0905-382D-AD41-9667-FD9B5AF46093}" srcOrd="0" destOrd="0" presId="urn:microsoft.com/office/officeart/2005/8/layout/hierarchy4"/>
    <dgm:cxn modelId="{AC7FB3F8-55A0-4BD6-B084-7CFE35C81D6A}" srcId="{39E82435-57E4-4437-90AA-97887F7F5919}" destId="{1574574F-F682-464F-A0F5-8BE7CA61DD3F}" srcOrd="0" destOrd="0" parTransId="{4DEF389F-9F3F-4E54-8691-6592F90A0066}" sibTransId="{AC4FF1FF-79FC-4D7B-924D-BFF4CBB9948E}"/>
    <dgm:cxn modelId="{98C202F9-4390-409E-AC41-9F563029427A}" srcId="{1574574F-F682-464F-A0F5-8BE7CA61DD3F}" destId="{9D916311-0681-4A19-B47B-641F2B8A87E8}" srcOrd="1" destOrd="0" parTransId="{DEF155AC-F273-4048-B2C7-A8EE428C4B59}" sibTransId="{808C233A-10A4-4179-A854-F96C5EBE306A}"/>
    <dgm:cxn modelId="{6BEF5BFD-7C21-7942-910C-76FB54660E48}" type="presOf" srcId="{9293385B-7847-4361-906A-0B3FD9DA0098}" destId="{C8BB2FBB-A697-C94B-A688-4800D1442913}" srcOrd="0" destOrd="0" presId="urn:microsoft.com/office/officeart/2005/8/layout/hierarchy4"/>
    <dgm:cxn modelId="{B717F190-60AD-F54A-8E34-F3D58EDABD92}" type="presParOf" srcId="{237CFFA0-85A6-4F2F-A6C1-4967A4E574FF}" destId="{FC5D3813-E488-6B4B-8A87-E62EED6CD7E3}" srcOrd="0" destOrd="0" presId="urn:microsoft.com/office/officeart/2005/8/layout/hierarchy4"/>
    <dgm:cxn modelId="{253CE975-91D3-AF4C-9770-6BFFA7890BB4}" type="presParOf" srcId="{FC5D3813-E488-6B4B-8A87-E62EED6CD7E3}" destId="{13CA0905-382D-AD41-9667-FD9B5AF46093}" srcOrd="0" destOrd="0" presId="urn:microsoft.com/office/officeart/2005/8/layout/hierarchy4"/>
    <dgm:cxn modelId="{A2689CEF-077C-1A40-9546-80A045C5376F}" type="presParOf" srcId="{FC5D3813-E488-6B4B-8A87-E62EED6CD7E3}" destId="{9681BA68-E1E2-1743-8A70-AC04ADEA55FA}" srcOrd="1" destOrd="0" presId="urn:microsoft.com/office/officeart/2005/8/layout/hierarchy4"/>
    <dgm:cxn modelId="{4A091D2A-5AD6-6040-89B4-B057E2093F16}" type="presParOf" srcId="{FC5D3813-E488-6B4B-8A87-E62EED6CD7E3}" destId="{8EB4D866-61E0-434B-9E6A-69D932ED9845}" srcOrd="2" destOrd="0" presId="urn:microsoft.com/office/officeart/2005/8/layout/hierarchy4"/>
    <dgm:cxn modelId="{CF0544C1-DB78-F941-B409-C77D06D3B7D2}" type="presParOf" srcId="{8EB4D866-61E0-434B-9E6A-69D932ED9845}" destId="{4726A80F-1D51-A94E-8A55-AC5D7849922A}" srcOrd="0" destOrd="0" presId="urn:microsoft.com/office/officeart/2005/8/layout/hierarchy4"/>
    <dgm:cxn modelId="{F8CAD2F3-DBC9-304B-8C39-02B624253F9F}" type="presParOf" srcId="{4726A80F-1D51-A94E-8A55-AC5D7849922A}" destId="{94248671-72E7-604D-A9CB-E821FA0F8DFA}" srcOrd="0" destOrd="0" presId="urn:microsoft.com/office/officeart/2005/8/layout/hierarchy4"/>
    <dgm:cxn modelId="{AC054779-C47C-F94D-8450-54D6CDB7B8B3}" type="presParOf" srcId="{4726A80F-1D51-A94E-8A55-AC5D7849922A}" destId="{A544DC64-0883-FC41-94C8-79963145FBFE}" srcOrd="1" destOrd="0" presId="urn:microsoft.com/office/officeart/2005/8/layout/hierarchy4"/>
    <dgm:cxn modelId="{997AEF03-D4DA-2C46-B6D7-059AE72E06E0}" type="presParOf" srcId="{8EB4D866-61E0-434B-9E6A-69D932ED9845}" destId="{143B9CF1-5FAA-1441-B4DC-1E474DDAE177}" srcOrd="1" destOrd="0" presId="urn:microsoft.com/office/officeart/2005/8/layout/hierarchy4"/>
    <dgm:cxn modelId="{4E5C129F-4DB0-8744-B5CB-5B0273D02170}" type="presParOf" srcId="{8EB4D866-61E0-434B-9E6A-69D932ED9845}" destId="{C8DB383E-F294-C84D-B861-43CD80FDAB3E}" srcOrd="2" destOrd="0" presId="urn:microsoft.com/office/officeart/2005/8/layout/hierarchy4"/>
    <dgm:cxn modelId="{241134E1-DD1E-5B4D-8B01-1438BE01E792}" type="presParOf" srcId="{C8DB383E-F294-C84D-B861-43CD80FDAB3E}" destId="{BF41E884-657C-0047-A269-8F0C53572994}" srcOrd="0" destOrd="0" presId="urn:microsoft.com/office/officeart/2005/8/layout/hierarchy4"/>
    <dgm:cxn modelId="{96BED19C-7139-244B-97CC-EBF892DD1E9C}" type="presParOf" srcId="{C8DB383E-F294-C84D-B861-43CD80FDAB3E}" destId="{B6FF3E92-DA20-6940-BF06-ED5A6E4E2A7B}" srcOrd="1" destOrd="0" presId="urn:microsoft.com/office/officeart/2005/8/layout/hierarchy4"/>
    <dgm:cxn modelId="{36F90123-F104-0745-88CA-741E3CC5B696}" type="presParOf" srcId="{8EB4D866-61E0-434B-9E6A-69D932ED9845}" destId="{2167564C-DE3A-7A4F-8A0E-A77E8FF6D26C}" srcOrd="3" destOrd="0" presId="urn:microsoft.com/office/officeart/2005/8/layout/hierarchy4"/>
    <dgm:cxn modelId="{37F803C2-6E07-B449-9627-2702AB8703D1}" type="presParOf" srcId="{8EB4D866-61E0-434B-9E6A-69D932ED9845}" destId="{78E9722D-7C5F-9140-9BBF-14867B738FFB}" srcOrd="4" destOrd="0" presId="urn:microsoft.com/office/officeart/2005/8/layout/hierarchy4"/>
    <dgm:cxn modelId="{12781030-A713-084A-BB14-912F424C4B36}" type="presParOf" srcId="{78E9722D-7C5F-9140-9BBF-14867B738FFB}" destId="{C8BB2FBB-A697-C94B-A688-4800D1442913}" srcOrd="0" destOrd="0" presId="urn:microsoft.com/office/officeart/2005/8/layout/hierarchy4"/>
    <dgm:cxn modelId="{18C042AA-FD1D-7849-8FB5-6231847D700A}" type="presParOf" srcId="{78E9722D-7C5F-9140-9BBF-14867B738FFB}" destId="{6B5D9625-DC81-2E47-B577-B5E956816006}" srcOrd="1" destOrd="0" presId="urn:microsoft.com/office/officeart/2005/8/layout/hierarchy4"/>
    <dgm:cxn modelId="{CECBE2C7-A987-984C-9EEE-F848B839101B}" type="presParOf" srcId="{8EB4D866-61E0-434B-9E6A-69D932ED9845}" destId="{6AF65DB9-52B4-504A-8DE5-BBF63A1AE69D}" srcOrd="5" destOrd="0" presId="urn:microsoft.com/office/officeart/2005/8/layout/hierarchy4"/>
    <dgm:cxn modelId="{5625115C-2CFD-6C43-9BBB-294BE2843C4A}" type="presParOf" srcId="{8EB4D866-61E0-434B-9E6A-69D932ED9845}" destId="{3CE545C2-68DC-1E42-B1D5-42D8CCA41094}" srcOrd="6" destOrd="0" presId="urn:microsoft.com/office/officeart/2005/8/layout/hierarchy4"/>
    <dgm:cxn modelId="{372CACFB-2B18-FF40-98E5-A9EAC06D655C}" type="presParOf" srcId="{3CE545C2-68DC-1E42-B1D5-42D8CCA41094}" destId="{9BB2872D-606F-F74C-ADDB-FD3A82D32A8A}" srcOrd="0" destOrd="0" presId="urn:microsoft.com/office/officeart/2005/8/layout/hierarchy4"/>
    <dgm:cxn modelId="{D095DA10-77BB-8F4B-946B-1D0A9303EBA2}" type="presParOf" srcId="{3CE545C2-68DC-1E42-B1D5-42D8CCA41094}" destId="{C707AA86-7DBD-7A4F-99E6-4E56A95D2006}" srcOrd="1" destOrd="0" presId="urn:microsoft.com/office/officeart/2005/8/layout/hierarchy4"/>
    <dgm:cxn modelId="{C56FE575-8BFD-3B4D-94D5-6E06560F4E75}" type="presParOf" srcId="{8EB4D866-61E0-434B-9E6A-69D932ED9845}" destId="{60F73D41-7F91-EE4E-A67B-6A97158640D9}" srcOrd="7" destOrd="0" presId="urn:microsoft.com/office/officeart/2005/8/layout/hierarchy4"/>
    <dgm:cxn modelId="{FAB32E44-0801-7249-AAA2-7817E524C85F}" type="presParOf" srcId="{8EB4D866-61E0-434B-9E6A-69D932ED9845}" destId="{04BC9A10-F10C-6946-844A-CE013CE8C45C}" srcOrd="8" destOrd="0" presId="urn:microsoft.com/office/officeart/2005/8/layout/hierarchy4"/>
    <dgm:cxn modelId="{74FE97BC-F1ED-8D49-82C5-B7B1D86D5DDB}" type="presParOf" srcId="{04BC9A10-F10C-6946-844A-CE013CE8C45C}" destId="{F134FCCF-71E8-B84E-8985-86338D34A3A2}" srcOrd="0" destOrd="0" presId="urn:microsoft.com/office/officeart/2005/8/layout/hierarchy4"/>
    <dgm:cxn modelId="{669D3AD5-30A3-A749-8C91-2E165FA801C5}" type="presParOf" srcId="{04BC9A10-F10C-6946-844A-CE013CE8C45C}" destId="{E066D0B0-867F-7141-B43F-96E21BC14480}" srcOrd="1" destOrd="0" presId="urn:microsoft.com/office/officeart/2005/8/layout/hierarchy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3CA0905-382D-AD41-9667-FD9B5AF46093}">
      <dsp:nvSpPr>
        <dsp:cNvPr id="0" name=""/>
        <dsp:cNvSpPr/>
      </dsp:nvSpPr>
      <dsp:spPr>
        <a:xfrm>
          <a:off x="2646" y="1580"/>
          <a:ext cx="7358437" cy="178257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marL="0" lvl="0" indent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ested narrative </a:t>
          </a:r>
        </a:p>
      </dsp:txBody>
      <dsp:txXfrm>
        <a:off x="54856" y="53790"/>
        <a:ext cx="7254017" cy="1678151"/>
      </dsp:txXfrm>
    </dsp:sp>
    <dsp:sp modelId="{94248671-72E7-604D-A9CB-E821FA0F8DFA}">
      <dsp:nvSpPr>
        <dsp:cNvPr id="0" name=""/>
        <dsp:cNvSpPr/>
      </dsp:nvSpPr>
      <dsp:spPr>
        <a:xfrm>
          <a:off x="2646" y="1979463"/>
          <a:ext cx="2322739" cy="178257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1</a:t>
          </a:r>
        </a:p>
      </dsp:txBody>
      <dsp:txXfrm>
        <a:off x="54856" y="2031673"/>
        <a:ext cx="2218319" cy="1678151"/>
      </dsp:txXfrm>
    </dsp:sp>
    <dsp:sp modelId="{BF41E884-657C-0047-A269-8F0C53572994}">
      <dsp:nvSpPr>
        <dsp:cNvPr id="0" name=""/>
        <dsp:cNvSpPr/>
      </dsp:nvSpPr>
      <dsp:spPr>
        <a:xfrm>
          <a:off x="2520495" y="1979463"/>
          <a:ext cx="2322739" cy="178257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2</a:t>
          </a:r>
        </a:p>
      </dsp:txBody>
      <dsp:txXfrm>
        <a:off x="2572705" y="2031673"/>
        <a:ext cx="2218319" cy="1678151"/>
      </dsp:txXfrm>
    </dsp:sp>
    <dsp:sp modelId="{C8BB2FBB-A697-C94B-A688-4800D1442913}">
      <dsp:nvSpPr>
        <dsp:cNvPr id="0" name=""/>
        <dsp:cNvSpPr/>
      </dsp:nvSpPr>
      <dsp:spPr>
        <a:xfrm>
          <a:off x="5038344" y="1979463"/>
          <a:ext cx="2322739" cy="178257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 3</a:t>
          </a:r>
        </a:p>
      </dsp:txBody>
      <dsp:txXfrm>
        <a:off x="5090554" y="2031673"/>
        <a:ext cx="2218319" cy="1678151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3CA0905-382D-AD41-9667-FD9B5AF46093}">
      <dsp:nvSpPr>
        <dsp:cNvPr id="0" name=""/>
        <dsp:cNvSpPr/>
      </dsp:nvSpPr>
      <dsp:spPr>
        <a:xfrm>
          <a:off x="2659" y="406"/>
          <a:ext cx="7394415" cy="180716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marL="0" lvl="0" indent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ntroversial issue</a:t>
          </a:r>
        </a:p>
      </dsp:txBody>
      <dsp:txXfrm>
        <a:off x="55589" y="53336"/>
        <a:ext cx="7288555" cy="1701309"/>
      </dsp:txXfrm>
    </dsp:sp>
    <dsp:sp modelId="{94248671-72E7-604D-A9CB-E821FA0F8DFA}">
      <dsp:nvSpPr>
        <dsp:cNvPr id="0" name=""/>
        <dsp:cNvSpPr/>
      </dsp:nvSpPr>
      <dsp:spPr>
        <a:xfrm>
          <a:off x="2659" y="2004044"/>
          <a:ext cx="2334095" cy="180716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/>
            <a:t>Contested narrative 1</a:t>
          </a:r>
          <a:endParaRPr lang="en-GB" sz="28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55589" y="2056974"/>
        <a:ext cx="2228235" cy="1701309"/>
      </dsp:txXfrm>
    </dsp:sp>
    <dsp:sp modelId="{BF41E884-657C-0047-A269-8F0C53572994}">
      <dsp:nvSpPr>
        <dsp:cNvPr id="0" name=""/>
        <dsp:cNvSpPr/>
      </dsp:nvSpPr>
      <dsp:spPr>
        <a:xfrm>
          <a:off x="2532819" y="2004044"/>
          <a:ext cx="2334095" cy="180716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/>
            <a:t>Contested narrative 2</a:t>
          </a:r>
          <a:endParaRPr lang="en-GB" sz="28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2585749" y="2056974"/>
        <a:ext cx="2228235" cy="1701309"/>
      </dsp:txXfrm>
    </dsp:sp>
    <dsp:sp modelId="{C8BB2FBB-A697-C94B-A688-4800D1442913}">
      <dsp:nvSpPr>
        <dsp:cNvPr id="0" name=""/>
        <dsp:cNvSpPr/>
      </dsp:nvSpPr>
      <dsp:spPr>
        <a:xfrm>
          <a:off x="5062978" y="2004044"/>
          <a:ext cx="2334095" cy="1807169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/>
            <a:t>Contested narrative 3</a:t>
          </a:r>
          <a:endParaRPr lang="en-GB" sz="28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5115908" y="2056974"/>
        <a:ext cx="2228235" cy="1701309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3CA0905-382D-AD41-9667-FD9B5AF46093}">
      <dsp:nvSpPr>
        <dsp:cNvPr id="0" name=""/>
        <dsp:cNvSpPr/>
      </dsp:nvSpPr>
      <dsp:spPr>
        <a:xfrm>
          <a:off x="6618" y="0"/>
          <a:ext cx="8238297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82880" tIns="182880" rIns="182880" bIns="182880" numCol="1" spcCol="1270" anchor="ctr" anchorCtr="0">
          <a:noAutofit/>
        </a:bodyPr>
        <a:lstStyle/>
        <a:p>
          <a:pPr marL="0" lvl="0" indent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re content</a:t>
          </a:r>
        </a:p>
      </dsp:txBody>
      <dsp:txXfrm>
        <a:off x="58505" y="51887"/>
        <a:ext cx="8134523" cy="1667771"/>
      </dsp:txXfrm>
    </dsp:sp>
    <dsp:sp modelId="{94248671-72E7-604D-A9CB-E821FA0F8DFA}">
      <dsp:nvSpPr>
        <dsp:cNvPr id="0" name=""/>
        <dsp:cNvSpPr/>
      </dsp:nvSpPr>
      <dsp:spPr>
        <a:xfrm>
          <a:off x="0" y="1991659"/>
          <a:ext cx="1543908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Identity</a:t>
          </a:r>
        </a:p>
      </dsp:txBody>
      <dsp:txXfrm>
        <a:off x="45220" y="2036879"/>
        <a:ext cx="1453468" cy="1681105"/>
      </dsp:txXfrm>
    </dsp:sp>
    <dsp:sp modelId="{BF41E884-657C-0047-A269-8F0C53572994}">
      <dsp:nvSpPr>
        <dsp:cNvPr id="0" name=""/>
        <dsp:cNvSpPr/>
      </dsp:nvSpPr>
      <dsp:spPr>
        <a:xfrm>
          <a:off x="1676906" y="1990472"/>
          <a:ext cx="1543908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Dealing with the past </a:t>
          </a:r>
        </a:p>
      </dsp:txBody>
      <dsp:txXfrm>
        <a:off x="1722126" y="2035692"/>
        <a:ext cx="1453468" cy="1681105"/>
      </dsp:txXfrm>
    </dsp:sp>
    <dsp:sp modelId="{C8BB2FBB-A697-C94B-A688-4800D1442913}">
      <dsp:nvSpPr>
        <dsp:cNvPr id="0" name=""/>
        <dsp:cNvSpPr/>
      </dsp:nvSpPr>
      <dsp:spPr>
        <a:xfrm>
          <a:off x="3350503" y="1990472"/>
          <a:ext cx="1543908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Colliding rights</a:t>
          </a:r>
        </a:p>
      </dsp:txBody>
      <dsp:txXfrm>
        <a:off x="3395723" y="2035692"/>
        <a:ext cx="1453468" cy="1681105"/>
      </dsp:txXfrm>
    </dsp:sp>
    <dsp:sp modelId="{9BB2872D-606F-F74C-ADDB-FD3A82D32A8A}">
      <dsp:nvSpPr>
        <dsp:cNvPr id="0" name=""/>
        <dsp:cNvSpPr/>
      </dsp:nvSpPr>
      <dsp:spPr>
        <a:xfrm>
          <a:off x="5024100" y="1990472"/>
          <a:ext cx="1543908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Meeting the other</a:t>
          </a:r>
        </a:p>
      </dsp:txBody>
      <dsp:txXfrm>
        <a:off x="5069320" y="2035692"/>
        <a:ext cx="1453468" cy="1681105"/>
      </dsp:txXfrm>
    </dsp:sp>
    <dsp:sp modelId="{F134FCCF-71E8-B84E-8985-86338D34A3A2}">
      <dsp:nvSpPr>
        <dsp:cNvPr id="0" name=""/>
        <dsp:cNvSpPr/>
      </dsp:nvSpPr>
      <dsp:spPr>
        <a:xfrm>
          <a:off x="6697697" y="1990472"/>
          <a:ext cx="1543908" cy="1771545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800" kern="1200" dirty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Power</a:t>
          </a:r>
        </a:p>
      </dsp:txBody>
      <dsp:txXfrm>
        <a:off x="6742917" y="2035692"/>
        <a:ext cx="1453468" cy="168110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ierarchy4">
  <dgm:title val=""/>
  <dgm:desc val=""/>
  <dgm:catLst>
    <dgm:cat type="hierarchy" pri="4000"/>
    <dgm:cat type="list" pri="24000"/>
    <dgm:cat type="relationship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vertOne" refType="w"/>
      <dgm:constr type="w" for="des" forName="horzOne" refType="w"/>
      <dgm:constr type="w" for="des" forName="txOne" refType="w"/>
      <dgm:constr type="w" for="des" forName="vertTwo" refType="w"/>
      <dgm:constr type="w" for="des" forName="horzTwo" refType="w"/>
      <dgm:constr type="w" for="des" forName="txTwo" refType="w"/>
      <dgm:constr type="w" for="des" forName="vertThree" refType="w"/>
      <dgm:constr type="w" for="des" forName="horzThree" refType="w"/>
      <dgm:constr type="w" for="des" forName="txThree" refType="w"/>
      <dgm:constr type="w" for="des" forName="vertFour" refType="w"/>
      <dgm:constr type="w" for="des" forName="horzFour" refType="w"/>
      <dgm:constr type="w" for="des" forName="txFour" refType="w"/>
      <dgm:constr type="h" for="des" ptType="node" op="equ"/>
      <dgm:constr type="h" for="des" forName="txOne" refType="h"/>
      <dgm:constr type="userH" for="des" ptType="node" refType="h" refFor="des" refForName="txOne"/>
      <dgm:constr type="primFontSz" for="des" forName="txOne" val="65"/>
      <dgm:constr type="primFontSz" for="des" forName="txTwo" val="65"/>
      <dgm:constr type="primFontSz" for="des" forName="txTwo" refType="primFontSz" refFor="des" refForName="txOne" op="lte"/>
      <dgm:constr type="primFontSz" for="des" forName="txThree" val="65"/>
      <dgm:constr type="primFontSz" for="des" forName="txThree" refType="primFontSz" refFor="des" refForName="txOne" op="lte"/>
      <dgm:constr type="primFontSz" for="des" forName="txThree" refType="primFontSz" refFor="des" refForName="txTwo" op="lte"/>
      <dgm:constr type="primFontSz" for="des" forName="txFour" val="65"/>
      <dgm:constr type="primFontSz" for="des" forName="txFour" refType="primFontSz" refFor="des" refForName="txOne" op="lte"/>
      <dgm:constr type="primFontSz" for="des" forName="txFour" refType="primFontSz" refFor="des" refForName="txTwo" op="lte"/>
      <dgm:constr type="primFontSz" for="des" forName="txFour" refType="primFontSz" refFor="des" refForName="txThree" op="lte"/>
      <dgm:constr type="w" for="des" forName="sibSpaceOne" refType="w" fact="0.168"/>
      <dgm:constr type="w" for="des" forName="sibSpaceTwo" refType="w" refFor="des" refForName="sibSpaceOne" op="equ" fact="0.5"/>
      <dgm:constr type="w" for="des" forName="sibSpaceThree" refType="w" refFor="des" refForName="sibSpaceTwo" op="equ" fact="0.5"/>
      <dgm:constr type="w" for="des" forName="sibSpaceFour" refType="w" refFor="des" refForName="sibSpaceThree" op="equ" fact="0.5"/>
      <dgm:constr type="h" for="des" forName="parTransOne" refType="w" fact="0.056"/>
      <dgm:constr type="h" for="des" forName="parTransTwo" refType="h" refFor="des" refForName="parTransOne" op="equ"/>
      <dgm:constr type="h" for="des" forName="parTransThree" refType="h" refFor="des" refForName="parTransTwo" op="equ"/>
      <dgm:constr type="h" for="des" forName="parTransFour" refType="h" refFor="des" refForName="parTransThree" op="equ"/>
    </dgm:constrLst>
    <dgm:ruleLst/>
    <dgm:forEach name="Name4" axis="ch" ptType="node">
      <dgm:layoutNode name="vertOne">
        <dgm:alg type="lin">
          <dgm:param type="linDir" val="fromT"/>
        </dgm:alg>
        <dgm:shape xmlns:r="http://schemas.openxmlformats.org/officeDocument/2006/relationships" r:blip="">
          <dgm:adjLst/>
        </dgm:shape>
        <dgm:presOf/>
        <dgm:constrLst>
          <dgm:constr type="w" for="ch" forName="txOne" refType="w" refFor="ch" refForName="horzOne" op="gte"/>
        </dgm:constrLst>
        <dgm:ruleLst/>
        <dgm:layoutNode name="txOne" styleLbl="node0">
          <dgm:varLst>
            <dgm:chPref val="3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5">
          <dgm:if name="Name6" axis="des" ptType="node" func="cnt" op="gt" val="0">
            <dgm:layoutNode name="parTrans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if>
          <dgm:else name="Name7"/>
        </dgm:choose>
        <dgm:layoutNode name="horzOne">
          <dgm:choose name="Name8">
            <dgm:if name="Name9" func="var" arg="dir" op="equ" val="norm">
              <dgm:alg type="lin">
                <dgm:param type="linDir" val="fromL"/>
                <dgm:param type="nodeVertAlign" val="t"/>
              </dgm:alg>
            </dgm:if>
            <dgm:else name="Name10">
              <dgm:alg type="lin">
                <dgm:param type="linDir" val="fromR"/>
                <dgm:param type="nodeVertAlign" val="t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/>
          <dgm:ruleLst>
            <dgm:rule type="w" val="INF" fact="NaN" max="NaN"/>
          </dgm:ruleLst>
          <dgm:forEach name="Name11" axis="ch" ptType="node">
            <dgm:layoutNode name="vertTwo">
              <dgm:alg type="lin">
                <dgm:param type="linDir" val="fromT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xTwo" refType="w" refFor="ch" refForName="horzTwo" op="gte"/>
              </dgm:constrLst>
              <dgm:ruleLst/>
              <dgm:layoutNode name="txTwo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userH"/>
                  <dgm:constr type="h" refType="userH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choose name="Name12">
                <dgm:if name="Name13" axis="des" ptType="node" func="cnt" op="gt" val="0">
                  <dgm:layoutNode name="parTrans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if>
                <dgm:else name="Name14"/>
              </dgm:choose>
              <dgm:layoutNode name="horzTwo">
                <dgm:choose name="Name15">
                  <dgm:if name="Name16" func="var" arg="dir" op="equ" val="norm">
                    <dgm:alg type="lin">
                      <dgm:param type="linDir" val="fromL"/>
                      <dgm:param type="nodeVertAlign" val="t"/>
                    </dgm:alg>
                  </dgm:if>
                  <dgm:else name="Name17">
                    <dgm:alg type="lin">
                      <dgm:param type="linDir" val="fromR"/>
                      <dgm:param type="nodeVertAlign" val="t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>
                  <dgm:rule type="w" val="INF" fact="NaN" max="NaN"/>
                </dgm:ruleLst>
                <dgm:forEach name="Name18" axis="ch" ptType="node">
                  <dgm:layoutNode name="vertThree">
                    <dgm:alg type="lin">
                      <dgm:param type="linDir" val="fromT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txThree" refType="w" refFor="ch" refForName="horzThree" op="gte"/>
                    </dgm:constrLst>
                    <dgm:ruleLst/>
                    <dgm:layoutNode name="txThree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userH"/>
                        <dgm:constr type="h" refType="userH"/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choose name="Name19">
                      <dgm:if name="Name20" axis="des" ptType="node" func="cnt" op="gt" val="0">
                        <dgm:layoutNode name="parTrans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if>
                      <dgm:else name="Name21"/>
                    </dgm:choose>
                    <dgm:layoutNode name="horzThree">
                      <dgm:choose name="Name22">
                        <dgm:if name="Name23" func="var" arg="dir" op="equ" val="norm">
                          <dgm:alg type="lin">
                            <dgm:param type="linDir" val="fromL"/>
                            <dgm:param type="nodeVertAlign" val="t"/>
                          </dgm:alg>
                        </dgm:if>
                        <dgm:else name="Name24">
                          <dgm:alg type="lin">
                            <dgm:param type="linDir" val="fromR"/>
                            <dgm:param type="nodeVertAlign" val="t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>
                        <dgm:rule type="w" val="INF" fact="NaN" max="NaN"/>
                      </dgm:ruleLst>
                      <dgm:forEach name="repeat" axis="ch" ptType="node">
                        <dgm:layoutNode name="vertFour">
                          <dgm:varLst>
                            <dgm:chPref val="3"/>
                          </dgm:varLst>
                          <dgm:alg type="lin">
                            <dgm:param type="linDir" val="fromT"/>
                          </dgm:alg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w" for="ch" forName="txFour" refType="w" refFor="ch" refForName="horzFour" op="gte"/>
                          </dgm:constrLst>
                          <dgm:ruleLst/>
                          <dgm:layoutNode name="txFour">
                            <dgm:varLst>
                              <dgm:chPref val="3"/>
                            </dgm:varLst>
                            <dgm:alg type="tx"/>
                            <dgm:shape xmlns:r="http://schemas.openxmlformats.org/officeDocument/2006/relationships" type="roundRect" r:blip="">
                              <dgm:adjLst>
                                <dgm:adj idx="1" val="0.1"/>
                              </dgm:adjLst>
                            </dgm:shape>
                            <dgm:presOf axis="self"/>
                            <dgm:constrLst>
                              <dgm:constr type="userH"/>
                              <dgm:constr type="h" refType="userH"/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  <dgm:choose name="Name25">
                            <dgm:if name="Name26" axis="des" ptType="node" func="cnt" op="gt" val="0">
                              <dgm:layoutNode name="parTrans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if>
                            <dgm:else name="Name27"/>
                          </dgm:choose>
                          <dgm:layoutNode name="horzFour">
                            <dgm:choose name="Name28">
                              <dgm:if name="Name29" func="var" arg="dir" op="equ" val="norm">
                                <dgm:alg type="lin">
                                  <dgm:param type="linDir" val="fromL"/>
                                  <dgm:param type="nodeVertAlign" val="t"/>
                                </dgm:alg>
                              </dgm:if>
                              <dgm:else name="Name30">
                                <dgm:alg type="lin">
                                  <dgm:param type="linDir" val="fromR"/>
                                  <dgm:param type="nodeVertAlign" val="t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>
                              <dgm:rule type="w" val="INF" fact="NaN" max="NaN"/>
                            </dgm:ruleLst>
                            <dgm:forEach name="Name31" ref="repeat"/>
                          </dgm:layoutNode>
                        </dgm:layoutNode>
                        <dgm:choose name="Name32">
                          <dgm:if name="Name33" axis="self" ptType="node" func="revPos" op="gte" val="2">
                            <dgm:forEach name="Name34" axis="followSib" ptType="sibTrans" cnt="1">
                              <dgm:layoutNode name="sibSpaceFour">
                                <dgm:alg type="sp"/>
                                <dgm:shape xmlns:r="http://schemas.openxmlformats.org/officeDocument/2006/relationships" r:blip="">
                                  <dgm:adjLst/>
                                </dgm:shape>
                                <dgm:presOf/>
                                <dgm:constrLst/>
                                <dgm:ruleLst/>
                              </dgm:layoutNode>
                            </dgm:forEach>
                          </dgm:if>
                          <dgm:else name="Name35"/>
                        </dgm:choose>
                      </dgm:forEach>
                    </dgm:layoutNode>
                  </dgm:layoutNode>
                  <dgm:choose name="Name36">
                    <dgm:if name="Name37" axis="self" ptType="node" func="revPos" op="gte" val="2">
                      <dgm:forEach name="Name38" axis="followSib" ptType="sibTrans" cnt="1">
                        <dgm:layoutNode name="sibSpaceThree">
                          <dgm:alg type="sp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/>
                          <dgm:ruleLst/>
                        </dgm:layoutNode>
                      </dgm:forEach>
                    </dgm:if>
                    <dgm:else name="Name39"/>
                  </dgm:choose>
                </dgm:forEach>
              </dgm:layoutNode>
            </dgm:layoutNode>
            <dgm:choose name="Name40">
              <dgm:if name="Name41" axis="self" ptType="node" func="revPos" op="gte" val="2">
                <dgm:forEach name="Name42" axis="followSib" ptType="sibTrans" cnt="1">
                  <dgm:layoutNode name="sibSpaceTwo">
                    <dgm:alg type="sp"/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</dgm:layoutNode>
                </dgm:forEach>
              </dgm:if>
              <dgm:else name="Name43"/>
            </dgm:choose>
          </dgm:forEach>
        </dgm:layoutNode>
      </dgm:layoutNode>
      <dgm:choose name="Name44">
        <dgm:if name="Name45" axis="self" ptType="node" func="revPos" op="gte" val="2">
          <dgm:forEach name="Name46" axis="followSib" ptType="sibTrans" cnt="1">
            <dgm:layoutNode name="sibSpaceOn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if>
        <dgm:else name="Name4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59D9D08-8D58-5444-8906-55FB01DC0131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55A973-7DC5-2D4D-88CD-72AEC080B82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1086494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ksempel: Besættelsestiden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55A973-7DC5-2D4D-88CD-72AEC080B825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008487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ksempel: Muhammad-karikatur-krisen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4934DCB-A475-814E-AD60-9AD402CE39E0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4808888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118855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11885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11885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118855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55A973-7DC5-2D4D-88CD-72AEC080B825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700579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2525815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787268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549141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9" y="2421467"/>
            <a:ext cx="7488237" cy="345651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1860" y="6376837"/>
            <a:ext cx="2555762" cy="184665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587E4ADD-EC4D-4873-883C-A3A70C92204F}" type="datetime3">
              <a:rPr lang="en-GB" smtClean="0"/>
              <a:t>20 May,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764792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Indholdsside mørk sand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517295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946677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7485474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76556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151962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555268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902112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786005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356906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B1E342C-51A4-D649-BA1F-D80C1E69E334}" type="datetimeFigureOut">
              <a:rPr lang="da-DK" smtClean="0"/>
              <a:t>20-05-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39534C-6573-4140-9EFD-543D396BC0C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79649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72" r:id="rId12"/>
    <p:sldLayoutId id="2147483673" r:id="rId13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0" y="267085"/>
            <a:ext cx="9144000" cy="1470025"/>
          </a:xfrm>
        </p:spPr>
        <p:txBody>
          <a:bodyPr>
            <a:noAutofit/>
          </a:bodyPr>
          <a:lstStyle/>
          <a:p>
            <a:r>
              <a:rPr lang="en-US" sz="3600" b="1" dirty="0"/>
              <a:t>Erasmus+ </a:t>
            </a:r>
            <a:r>
              <a:rPr lang="en-US" sz="3600" b="1" dirty="0" err="1"/>
              <a:t>projektet</a:t>
            </a:r>
            <a:r>
              <a:rPr lang="en-US" sz="3600" b="1" dirty="0"/>
              <a:t>: Contested Narratives and Controversial Issues in Citizenship Education</a:t>
            </a:r>
            <a:endParaRPr lang="da-DK" sz="3600" b="1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371600" y="5875007"/>
            <a:ext cx="6400800" cy="895950"/>
          </a:xfrm>
        </p:spPr>
        <p:txBody>
          <a:bodyPr>
            <a:normAutofit fontScale="85000" lnSpcReduction="20000"/>
          </a:bodyPr>
          <a:lstStyle/>
          <a:p>
            <a:r>
              <a:rPr lang="da-DK" dirty="0"/>
              <a:t>Temadag 17. maj 2024</a:t>
            </a:r>
          </a:p>
          <a:p>
            <a:r>
              <a:rPr lang="da-DK" dirty="0"/>
              <a:t>Andreas Kopp</a:t>
            </a:r>
          </a:p>
        </p:txBody>
      </p:sp>
      <p:pic>
        <p:nvPicPr>
          <p:cNvPr id="4" name="Billede 3" descr="banner-1.jp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3006" y="1766028"/>
            <a:ext cx="8859028" cy="39909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920948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66443647-AB08-616C-1DE8-08E0CFA52C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83568" y="2359506"/>
            <a:ext cx="7711177" cy="430099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dirty="0">
                <a:solidFill>
                  <a:srgbClr val="FF0000"/>
                </a:solidFill>
              </a:rPr>
              <a:t>De </a:t>
            </a:r>
            <a:r>
              <a:rPr lang="da-DK" sz="2400" b="1" dirty="0">
                <a:solidFill>
                  <a:srgbClr val="FF0000"/>
                </a:solidFill>
              </a:rPr>
              <a:t>konkurrerende fortællinger </a:t>
            </a:r>
            <a:r>
              <a:rPr lang="da-DK" sz="2400" dirty="0">
                <a:solidFill>
                  <a:srgbClr val="FF0000"/>
                </a:solidFill>
              </a:rPr>
              <a:t>om indholdet i kontroversen:</a:t>
            </a:r>
          </a:p>
          <a:p>
            <a:r>
              <a:rPr lang="da-DK" sz="2400" dirty="0">
                <a:solidFill>
                  <a:schemeClr val="tx1"/>
                </a:solidFill>
              </a:rPr>
              <a:t>En smædekampagne imod Islam eller en kamp for ytringsfrihed</a:t>
            </a:r>
          </a:p>
          <a:p>
            <a:r>
              <a:rPr lang="da-DK" sz="2400" dirty="0">
                <a:solidFill>
                  <a:schemeClr val="tx1"/>
                </a:solidFill>
              </a:rPr>
              <a:t>En muslimsk minoritet der kræver særbehandling eller diskrimination</a:t>
            </a:r>
          </a:p>
          <a:p>
            <a:r>
              <a:rPr lang="da-DK" sz="2400" dirty="0">
                <a:solidFill>
                  <a:schemeClr val="tx1"/>
                </a:solidFill>
              </a:rPr>
              <a:t>Et intern dansk konflikt eller en del af en større global konflikt mellem ”Vesten” på den ene side og ”Den muslimske verden” på den anden.</a:t>
            </a: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0" y="247833"/>
            <a:ext cx="9144000" cy="1951794"/>
          </a:xfrm>
        </p:spPr>
        <p:txBody>
          <a:bodyPr>
            <a:normAutofit/>
          </a:bodyPr>
          <a:lstStyle/>
          <a:p>
            <a:r>
              <a:rPr lang="da-DK" sz="2800" b="1" dirty="0"/>
              <a:t>Eksempel: Muhammad-karikatur-krisen (2005-2006)</a:t>
            </a:r>
            <a:br>
              <a:rPr lang="da-DK" sz="2800" b="1" dirty="0"/>
            </a:br>
            <a:r>
              <a:rPr lang="da-DK" sz="1200" b="1" dirty="0"/>
              <a:t>  </a:t>
            </a:r>
            <a:br>
              <a:rPr lang="da-DK" sz="1200" dirty="0"/>
            </a:br>
            <a:r>
              <a:rPr lang="da-DK" sz="2800" dirty="0"/>
              <a:t>Et kontroversielt emne med flere</a:t>
            </a:r>
            <a:br>
              <a:rPr lang="da-DK" sz="2800" dirty="0"/>
            </a:br>
            <a:r>
              <a:rPr lang="da-DK" sz="2800" dirty="0"/>
              <a:t>lag af konkurrerende fortællinger</a:t>
            </a:r>
          </a:p>
        </p:txBody>
      </p:sp>
    </p:spTree>
    <p:extLst>
      <p:ext uri="{BB962C8B-B14F-4D97-AF65-F5344CB8AC3E}">
        <p14:creationId xmlns:p14="http://schemas.microsoft.com/office/powerpoint/2010/main" val="149322692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66443647-AB08-616C-1DE8-08E0CFA52C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94281" y="2370012"/>
            <a:ext cx="8642561" cy="430099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dirty="0">
                <a:solidFill>
                  <a:srgbClr val="FF0000"/>
                </a:solidFill>
              </a:rPr>
              <a:t>De</a:t>
            </a:r>
            <a:r>
              <a:rPr lang="da-DK" sz="2400" b="1" dirty="0">
                <a:solidFill>
                  <a:srgbClr val="FF0000"/>
                </a:solidFill>
              </a:rPr>
              <a:t> modstridende fortællinger </a:t>
            </a:r>
            <a:r>
              <a:rPr lang="da-DK" sz="2400" dirty="0">
                <a:solidFill>
                  <a:srgbClr val="FF0000"/>
                </a:solidFill>
              </a:rPr>
              <a:t>om, hvem der var ansvarlig for krisen:</a:t>
            </a:r>
          </a:p>
          <a:p>
            <a:r>
              <a:rPr lang="da-DK" sz="2400" dirty="0">
                <a:solidFill>
                  <a:schemeClr val="tx1"/>
                </a:solidFill>
              </a:rPr>
              <a:t>Redaktionen på Jyllandsposten og tegnerne</a:t>
            </a:r>
          </a:p>
          <a:p>
            <a:r>
              <a:rPr lang="da-DK" sz="2400" dirty="0">
                <a:solidFill>
                  <a:schemeClr val="tx1"/>
                </a:solidFill>
              </a:rPr>
              <a:t>De forskellige muslimske grupperinger i Danmark, der bragte kontroversen ud i forskellige internationale for</a:t>
            </a:r>
          </a:p>
          <a:p>
            <a:r>
              <a:rPr lang="da-DK" sz="2400" dirty="0">
                <a:solidFill>
                  <a:schemeClr val="tx1"/>
                </a:solidFill>
              </a:rPr>
              <a:t>Statsminister Anders Fogh og resten af regeringen</a:t>
            </a:r>
          </a:p>
          <a:p>
            <a:r>
              <a:rPr lang="da-DK" sz="2400" dirty="0">
                <a:solidFill>
                  <a:schemeClr val="tx1"/>
                </a:solidFill>
              </a:rPr>
              <a:t>Den muslimske minoritet i Danmark og ”Den muslimske verden” i det hele taget</a:t>
            </a:r>
          </a:p>
          <a:p>
            <a:r>
              <a:rPr lang="da-DK" sz="2400" dirty="0">
                <a:solidFill>
                  <a:schemeClr val="tx1"/>
                </a:solidFill>
              </a:rPr>
              <a:t>Den negative offentlige diskurs vedr. muslimer i Danmark i 00’erne</a:t>
            </a:r>
          </a:p>
          <a:p>
            <a:endParaRPr lang="da-DK" sz="2400" dirty="0">
              <a:solidFill>
                <a:schemeClr val="tx1"/>
              </a:solidFill>
            </a:endParaRP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0" y="247833"/>
            <a:ext cx="9144000" cy="1951794"/>
          </a:xfrm>
        </p:spPr>
        <p:txBody>
          <a:bodyPr>
            <a:normAutofit/>
          </a:bodyPr>
          <a:lstStyle/>
          <a:p>
            <a:r>
              <a:rPr lang="da-DK" sz="2800" b="1" dirty="0"/>
              <a:t>Eksempel: Muhammad-karikatur-krisen (2005-2006)</a:t>
            </a:r>
            <a:br>
              <a:rPr lang="da-DK" sz="2800" b="1" dirty="0"/>
            </a:br>
            <a:r>
              <a:rPr lang="da-DK" sz="1200" b="1" dirty="0"/>
              <a:t>  </a:t>
            </a:r>
            <a:br>
              <a:rPr lang="da-DK" sz="1200" dirty="0"/>
            </a:br>
            <a:r>
              <a:rPr lang="da-DK" sz="2800" dirty="0"/>
              <a:t>Et kontroversielt emne med flere</a:t>
            </a:r>
            <a:br>
              <a:rPr lang="da-DK" sz="2800" dirty="0"/>
            </a:br>
            <a:r>
              <a:rPr lang="da-DK" sz="2800" dirty="0"/>
              <a:t>lag af konkurrerende fortællinger</a:t>
            </a:r>
          </a:p>
        </p:txBody>
      </p:sp>
    </p:spTree>
    <p:extLst>
      <p:ext uri="{BB962C8B-B14F-4D97-AF65-F5344CB8AC3E}">
        <p14:creationId xmlns:p14="http://schemas.microsoft.com/office/powerpoint/2010/main" val="196785624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66443647-AB08-616C-1DE8-08E0CFA52C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94281" y="2370012"/>
            <a:ext cx="8642561" cy="4300999"/>
          </a:xfrm>
        </p:spPr>
        <p:txBody>
          <a:bodyPr>
            <a:normAutofit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da-DK" sz="2400" dirty="0">
                <a:solidFill>
                  <a:srgbClr val="FF0000"/>
                </a:solidFill>
              </a:rPr>
              <a:t>Det </a:t>
            </a:r>
            <a:r>
              <a:rPr lang="da-DK" sz="2400" b="1" dirty="0">
                <a:solidFill>
                  <a:srgbClr val="FF0000"/>
                </a:solidFill>
              </a:rPr>
              <a:t>grundliggende indhold </a:t>
            </a:r>
            <a:r>
              <a:rPr lang="da-DK" sz="2400" dirty="0">
                <a:solidFill>
                  <a:srgbClr val="FF0000"/>
                </a:solidFill>
              </a:rPr>
              <a:t>i dette kontroversielle emne </a:t>
            </a:r>
          </a:p>
          <a:p>
            <a:pPr>
              <a:lnSpc>
                <a:spcPct val="120000"/>
              </a:lnSpc>
            </a:pPr>
            <a:r>
              <a:rPr lang="en-GB" sz="2400" b="1" dirty="0">
                <a:solidFill>
                  <a:schemeClr val="tx1"/>
                </a:solidFill>
              </a:rPr>
              <a:t>Colliding rights </a:t>
            </a:r>
            <a:r>
              <a:rPr lang="en-GB" sz="2400" dirty="0">
                <a:solidFill>
                  <a:schemeClr val="tx1"/>
                </a:solidFill>
              </a:rPr>
              <a:t>(universal vs. particular rights)</a:t>
            </a:r>
          </a:p>
          <a:p>
            <a:pPr>
              <a:lnSpc>
                <a:spcPct val="120000"/>
              </a:lnSpc>
            </a:pPr>
            <a:r>
              <a:rPr lang="en-GB" sz="2400" b="1" dirty="0">
                <a:solidFill>
                  <a:schemeClr val="tx1"/>
                </a:solidFill>
              </a:rPr>
              <a:t>Meeting the other </a:t>
            </a:r>
            <a:r>
              <a:rPr lang="en-GB" sz="2400" dirty="0">
                <a:solidFill>
                  <a:schemeClr val="tx1"/>
                </a:solidFill>
              </a:rPr>
              <a:t>(immigrants and a challenge of assumptions regarding values and ideas)</a:t>
            </a:r>
          </a:p>
          <a:p>
            <a:pPr>
              <a:lnSpc>
                <a:spcPct val="120000"/>
              </a:lnSpc>
            </a:pPr>
            <a:r>
              <a:rPr lang="en-GB" sz="2400" b="1" dirty="0">
                <a:solidFill>
                  <a:schemeClr val="tx1"/>
                </a:solidFill>
              </a:rPr>
              <a:t>Identity</a:t>
            </a:r>
            <a:r>
              <a:rPr lang="en-GB" sz="2400" dirty="0">
                <a:solidFill>
                  <a:schemeClr val="tx1"/>
                </a:solidFill>
              </a:rPr>
              <a:t> (us vs. them and citizenship)</a:t>
            </a:r>
          </a:p>
          <a:p>
            <a:pPr>
              <a:lnSpc>
                <a:spcPct val="120000"/>
              </a:lnSpc>
            </a:pPr>
            <a:r>
              <a:rPr lang="en-GB" sz="2400" b="1" dirty="0">
                <a:solidFill>
                  <a:schemeClr val="tx1"/>
                </a:solidFill>
              </a:rPr>
              <a:t>Power</a:t>
            </a:r>
            <a:r>
              <a:rPr lang="en-GB" sz="2400" dirty="0">
                <a:solidFill>
                  <a:schemeClr val="tx1"/>
                </a:solidFill>
              </a:rPr>
              <a:t> (hierarchy and representation)</a:t>
            </a:r>
          </a:p>
          <a:p>
            <a:endParaRPr lang="da-DK" sz="2400" dirty="0">
              <a:solidFill>
                <a:schemeClr val="tx1"/>
              </a:solidFill>
            </a:endParaRP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0" y="247833"/>
            <a:ext cx="9144000" cy="1951794"/>
          </a:xfrm>
        </p:spPr>
        <p:txBody>
          <a:bodyPr>
            <a:normAutofit/>
          </a:bodyPr>
          <a:lstStyle/>
          <a:p>
            <a:r>
              <a:rPr lang="da-DK" sz="2800" b="1" dirty="0"/>
              <a:t>Eksempel: Muhammad-karikatur-krisen (2005-2006)</a:t>
            </a:r>
            <a:br>
              <a:rPr lang="da-DK" sz="2800" b="1" dirty="0"/>
            </a:br>
            <a:r>
              <a:rPr lang="da-DK" sz="1200" b="1" dirty="0"/>
              <a:t>  </a:t>
            </a:r>
            <a:br>
              <a:rPr lang="da-DK" sz="1200" dirty="0"/>
            </a:br>
            <a:r>
              <a:rPr lang="da-DK" sz="2800" dirty="0"/>
              <a:t>Et kontroversielt emne med flere</a:t>
            </a:r>
            <a:br>
              <a:rPr lang="da-DK" sz="2800" dirty="0"/>
            </a:br>
            <a:r>
              <a:rPr lang="da-DK" sz="2800" dirty="0"/>
              <a:t>lag af konkurrerende fortællinger</a:t>
            </a:r>
          </a:p>
        </p:txBody>
      </p:sp>
    </p:spTree>
    <p:extLst>
      <p:ext uri="{BB962C8B-B14F-4D97-AF65-F5344CB8AC3E}">
        <p14:creationId xmlns:p14="http://schemas.microsoft.com/office/powerpoint/2010/main" val="334463650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da-DK" sz="3600" b="1" dirty="0"/>
              <a:t>Fagdidaktik og arbejdet med kontroversielle emner i praksis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4450643" y="1641892"/>
            <a:ext cx="4408380" cy="4615887"/>
          </a:xfrm>
        </p:spPr>
        <p:txBody>
          <a:bodyPr>
            <a:normAutofit/>
          </a:bodyPr>
          <a:lstStyle/>
          <a:p>
            <a:pPr marL="514350" indent="-514350">
              <a:lnSpc>
                <a:spcPct val="120000"/>
              </a:lnSpc>
              <a:buFont typeface="+mj-lt"/>
              <a:buAutoNum type="arabicPeriod"/>
            </a:pPr>
            <a:r>
              <a:rPr lang="da-DK" sz="3000" dirty="0" err="1"/>
              <a:t>Multiperspektivitet</a:t>
            </a:r>
            <a:endParaRPr lang="da-DK" sz="3000" dirty="0"/>
          </a:p>
          <a:p>
            <a:pPr marL="514350" indent="-514350">
              <a:lnSpc>
                <a:spcPct val="120000"/>
              </a:lnSpc>
              <a:buFont typeface="+mj-lt"/>
              <a:buAutoNum type="arabicPeriod"/>
            </a:pPr>
            <a:r>
              <a:rPr lang="da-DK" sz="3000" dirty="0"/>
              <a:t>Undersøgende tilgange i historiefaget</a:t>
            </a:r>
          </a:p>
          <a:p>
            <a:pPr marL="514350" indent="-514350">
              <a:lnSpc>
                <a:spcPct val="120000"/>
              </a:lnSpc>
              <a:buFont typeface="+mj-lt"/>
              <a:buAutoNum type="arabicPeriod"/>
            </a:pPr>
            <a:r>
              <a:rPr lang="da-DK" sz="3000" dirty="0"/>
              <a:t>Kritisk-analytisk arbejde med historiebrug</a:t>
            </a:r>
          </a:p>
        </p:txBody>
      </p:sp>
      <p:pic>
        <p:nvPicPr>
          <p:cNvPr id="4" name="Billede 3" descr="104987443_10160627759613868_9081898914588842775_o.jp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9491" y="1641892"/>
            <a:ext cx="3676174" cy="47532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968815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kstfelt 9">
            <a:extLst>
              <a:ext uri="{FF2B5EF4-FFF2-40B4-BE49-F238E27FC236}">
                <a16:creationId xmlns:a16="http://schemas.microsoft.com/office/drawing/2014/main" id="{1E4222C3-75AC-2704-93DE-D71F0E9BA04B}"/>
              </a:ext>
            </a:extLst>
          </p:cNvPr>
          <p:cNvSpPr txBox="1"/>
          <p:nvPr/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da-DK" sz="2800" b="1" kern="1200" dirty="0">
                <a:latin typeface="+mj-lt"/>
                <a:ea typeface="+mj-ea"/>
                <a:cs typeface="+mj-cs"/>
              </a:rPr>
              <a:t>Erasmus+ Projekt: ConCitizen</a:t>
            </a:r>
          </a:p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da-DK" sz="2800" i="1" kern="1200" dirty="0" err="1">
                <a:latin typeface="+mj-lt"/>
                <a:ea typeface="+mj-ea"/>
                <a:cs typeface="+mj-cs"/>
              </a:rPr>
              <a:t>Contested</a:t>
            </a:r>
            <a:r>
              <a:rPr lang="da-DK" sz="2800" i="1" kern="1200" dirty="0">
                <a:latin typeface="+mj-lt"/>
                <a:ea typeface="+mj-ea"/>
                <a:cs typeface="+mj-cs"/>
              </a:rPr>
              <a:t> narratives and </a:t>
            </a:r>
            <a:r>
              <a:rPr lang="da-DK" sz="2800" i="1" kern="1200" dirty="0" err="1">
                <a:latin typeface="+mj-lt"/>
                <a:ea typeface="+mj-ea"/>
                <a:cs typeface="+mj-cs"/>
              </a:rPr>
              <a:t>controversial</a:t>
            </a:r>
            <a:r>
              <a:rPr lang="da-DK" sz="2800" i="1" kern="1200" dirty="0">
                <a:latin typeface="+mj-lt"/>
                <a:ea typeface="+mj-ea"/>
                <a:cs typeface="+mj-cs"/>
              </a:rPr>
              <a:t> </a:t>
            </a:r>
          </a:p>
          <a:p>
            <a:pPr algn="ctr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da-DK" sz="2800" i="1" kern="1200" dirty="0" err="1">
                <a:latin typeface="+mj-lt"/>
                <a:ea typeface="+mj-ea"/>
                <a:cs typeface="+mj-cs"/>
              </a:rPr>
              <a:t>issues</a:t>
            </a:r>
            <a:r>
              <a:rPr lang="da-DK" sz="2800" i="1" kern="1200" dirty="0">
                <a:latin typeface="+mj-lt"/>
                <a:ea typeface="+mj-ea"/>
                <a:cs typeface="+mj-cs"/>
              </a:rPr>
              <a:t> in </a:t>
            </a:r>
            <a:r>
              <a:rPr lang="da-DK" sz="2800" i="1" kern="1200" dirty="0" err="1">
                <a:latin typeface="+mj-lt"/>
                <a:ea typeface="+mj-ea"/>
                <a:cs typeface="+mj-cs"/>
              </a:rPr>
              <a:t>citizenship</a:t>
            </a:r>
            <a:r>
              <a:rPr lang="da-DK" sz="2800" i="1" kern="1200" dirty="0">
                <a:latin typeface="+mj-lt"/>
                <a:ea typeface="+mj-ea"/>
                <a:cs typeface="+mj-cs"/>
              </a:rPr>
              <a:t> </a:t>
            </a:r>
            <a:r>
              <a:rPr lang="da-DK" sz="2800" i="1" kern="1200" dirty="0" err="1">
                <a:latin typeface="+mj-lt"/>
                <a:ea typeface="+mj-ea"/>
                <a:cs typeface="+mj-cs"/>
              </a:rPr>
              <a:t>education</a:t>
            </a:r>
            <a:endParaRPr lang="da-DK" sz="2800" i="1" kern="1200" dirty="0">
              <a:latin typeface="+mj-lt"/>
              <a:ea typeface="+mj-ea"/>
              <a:cs typeface="+mj-cs"/>
            </a:endParaRPr>
          </a:p>
        </p:txBody>
      </p:sp>
      <p:graphicFrame>
        <p:nvGraphicFramePr>
          <p:cNvPr id="9" name="Pladsholder til indhold 8">
            <a:extLst>
              <a:ext uri="{FF2B5EF4-FFF2-40B4-BE49-F238E27FC236}">
                <a16:creationId xmlns:a16="http://schemas.microsoft.com/office/drawing/2014/main" id="{AE083C07-7269-B98C-526D-1145E7B56EA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83906356"/>
              </p:ext>
            </p:extLst>
          </p:nvPr>
        </p:nvGraphicFramePr>
        <p:xfrm>
          <a:off x="533828" y="1694280"/>
          <a:ext cx="8076345" cy="4525964"/>
        </p:xfrm>
        <a:graphic>
          <a:graphicData uri="http://schemas.openxmlformats.org/drawingml/2006/table">
            <a:tbl>
              <a:tblPr firstRow="1" firstCol="1" bandRow="1"/>
              <a:tblGrid>
                <a:gridCol w="1716040">
                  <a:extLst>
                    <a:ext uri="{9D8B030D-6E8A-4147-A177-3AD203B41FA5}">
                      <a16:colId xmlns:a16="http://schemas.microsoft.com/office/drawing/2014/main" val="2044848292"/>
                    </a:ext>
                  </a:extLst>
                </a:gridCol>
                <a:gridCol w="6360305">
                  <a:extLst>
                    <a:ext uri="{9D8B030D-6E8A-4147-A177-3AD203B41FA5}">
                      <a16:colId xmlns:a16="http://schemas.microsoft.com/office/drawing/2014/main" val="2258778874"/>
                    </a:ext>
                  </a:extLst>
                </a:gridCol>
              </a:tblGrid>
              <a:tr h="2231634">
                <a:tc>
                  <a:txBody>
                    <a:bodyPr/>
                    <a:lstStyle/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endParaRPr lang="da-DK" sz="2000" b="1" i="0" u="none" strike="noStrike" dirty="0">
                        <a:solidFill>
                          <a:srgbClr val="0070C0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da-DK" sz="2000" b="1" i="0" u="none" strike="noStrike" dirty="0">
                          <a:solidFill>
                            <a:srgbClr val="0070C0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Partners</a:t>
                      </a: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GB" sz="2000" b="0" i="0" u="none" strike="noStrike"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2000" b="0" i="0" u="none" strike="noStrike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Lebanon, Adyan Foundation (inter-religious NGO)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2000" b="0" i="0" u="none" strike="noStrike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Norway, OsloMET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2000" b="0" i="0" u="none" strike="noStrike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Northern Ireland, Queens University 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2000" b="0" i="0" u="none" strike="noStrike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Cyprus, Cyprus Open University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2000" b="0" i="0" u="none" strike="noStrike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Denmark, University College Copenhagen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GB" sz="2000" b="0" i="0" u="none" strike="noStrike"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73573688"/>
                  </a:ext>
                </a:extLst>
              </a:tr>
              <a:tr h="992241">
                <a:tc>
                  <a:txBody>
                    <a:bodyPr/>
                    <a:lstStyle/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endParaRPr lang="en-US" sz="2000" b="1" i="0" u="none" strike="noStrike" noProof="0" dirty="0">
                        <a:solidFill>
                          <a:srgbClr val="0070C0"/>
                        </a:solidFill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US" sz="2000" b="1" i="0" u="none" strike="noStrike" noProof="0" dirty="0">
                          <a:solidFill>
                            <a:srgbClr val="0070C0"/>
                          </a:solidFill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Duration</a:t>
                      </a:r>
                      <a:endParaRPr lang="en-US" sz="2000" b="0" i="0" u="none" strike="noStrike" noProof="0" dirty="0">
                        <a:solidFill>
                          <a:srgbClr val="0070C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b="0" i="0" u="none" strike="noStrike" noProof="0"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b="0" i="0" u="none" strike="noStrike" noProof="0">
                          <a:effectLst/>
                          <a:latin typeface="+mn-lt"/>
                          <a:ea typeface="Calibri" panose="020F0502020204030204" pitchFamily="34" charset="0"/>
                          <a:cs typeface="Calibri" panose="020F0502020204030204" pitchFamily="34" charset="0"/>
                        </a:rPr>
                        <a:t>January 2022 – December 2024</a:t>
                      </a:r>
                    </a:p>
                    <a:p>
                      <a:pPr algn="just" fontAlgn="t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2000" b="0" i="0" u="none" strike="noStrike" noProof="0">
                        <a:effectLst/>
                        <a:latin typeface="+mn-lt"/>
                        <a:ea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40042812"/>
                  </a:ext>
                </a:extLst>
              </a:tr>
              <a:tr h="1302089">
                <a:tc>
                  <a:txBody>
                    <a:bodyPr/>
                    <a:lstStyle/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endParaRPr lang="en-US" sz="2000" b="1" i="0" u="none" strike="noStrike" noProof="0" dirty="0">
                        <a:solidFill>
                          <a:srgbClr val="0070C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  <a:p>
                      <a:pPr algn="just" fontAlgn="t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en-US" sz="2000" b="1" i="0" u="none" strike="noStrike" noProof="0" dirty="0">
                          <a:solidFill>
                            <a:srgbClr val="0070C0"/>
                          </a:solidFill>
                          <a:effectLst/>
                          <a:latin typeface="+mn-lt"/>
                          <a:cs typeface="Calibri" panose="020F0502020204030204" pitchFamily="34" charset="0"/>
                        </a:rPr>
                        <a:t>Addressing</a:t>
                      </a: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2000" kern="120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Calibri" panose="020F0502020204030204" pitchFamily="34" charset="0"/>
                        </a:rPr>
                        <a:t>A key issue in citizenship education: </a:t>
                      </a:r>
                      <a:r>
                        <a:rPr lang="en-US" sz="2000" kern="1200" noProof="0" dirty="0">
                          <a:solidFill>
                            <a:srgbClr val="0070C0"/>
                          </a:solidFill>
                          <a:effectLst/>
                          <a:latin typeface="+mn-lt"/>
                          <a:ea typeface="+mn-ea"/>
                          <a:cs typeface="Calibri" panose="020F0502020204030204" pitchFamily="34" charset="0"/>
                        </a:rPr>
                        <a:t>how do we teach controversial issues particularly related to contested narratives in post-conflict and diverse societies?</a:t>
                      </a:r>
                    </a:p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endParaRPr lang="en-US" sz="2000" b="0" i="0" u="none" strike="noStrike" noProof="0" dirty="0">
                        <a:solidFill>
                          <a:srgbClr val="0070C0"/>
                        </a:solidFill>
                        <a:effectLst/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 marL="116771" marR="116771" marT="16218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02992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42376833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0" name="Gruppe 59"/>
          <p:cNvGrpSpPr>
            <a:grpSpLocks/>
          </p:cNvGrpSpPr>
          <p:nvPr/>
        </p:nvGrpSpPr>
        <p:grpSpPr>
          <a:xfrm>
            <a:off x="4628734" y="1617958"/>
            <a:ext cx="1406205" cy="445065"/>
            <a:chOff x="4628733" y="760707"/>
            <a:chExt cx="1406205" cy="445065"/>
          </a:xfrm>
          <a:solidFill>
            <a:srgbClr val="FA3C3C"/>
          </a:solidFill>
        </p:grpSpPr>
        <p:sp>
          <p:nvSpPr>
            <p:cNvPr id="48" name="Rektangel 47"/>
            <p:cNvSpPr/>
            <p:nvPr/>
          </p:nvSpPr>
          <p:spPr>
            <a:xfrm rot="-2820000">
              <a:off x="5735409" y="699597"/>
              <a:ext cx="18000" cy="482335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solidFill>
                  <a:srgbClr val="FA3C3C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6" name="Ellipse 45"/>
            <p:cNvSpPr/>
            <p:nvPr/>
          </p:nvSpPr>
          <p:spPr>
            <a:xfrm>
              <a:off x="5926926" y="1097760"/>
              <a:ext cx="108012" cy="108012"/>
            </a:xfrm>
            <a:prstGeom prst="ellipse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solidFill>
                  <a:srgbClr val="FA3C3C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7" name="Rektangel 46"/>
            <p:cNvSpPr/>
            <p:nvPr/>
          </p:nvSpPr>
          <p:spPr>
            <a:xfrm rot="5400000">
              <a:off x="5159794" y="229646"/>
              <a:ext cx="18000" cy="1080122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solidFill>
                  <a:srgbClr val="FA3C3C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3" name="Tekstfelt 2"/>
          <p:cNvSpPr txBox="1">
            <a:spLocks/>
          </p:cNvSpPr>
          <p:nvPr/>
        </p:nvSpPr>
        <p:spPr>
          <a:xfrm>
            <a:off x="259325" y="596879"/>
            <a:ext cx="3049064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3200" b="1" dirty="0">
                <a:latin typeface="Georgia" panose="02040502050405020303" pitchFamily="18" charset="0"/>
                <a:cs typeface="Arial" panose="020B0604020202020204" pitchFamily="34" charset="0"/>
              </a:rPr>
              <a:t>Project</a:t>
            </a:r>
          </a:p>
          <a:p>
            <a:r>
              <a:rPr lang="da-DK" sz="3200" b="1" dirty="0" err="1">
                <a:latin typeface="Georgia" panose="02040502050405020303" pitchFamily="18" charset="0"/>
                <a:cs typeface="Arial" panose="020B0604020202020204" pitchFamily="34" charset="0"/>
              </a:rPr>
              <a:t>results</a:t>
            </a:r>
            <a:endParaRPr lang="da-DK" sz="3200" b="1" dirty="0">
              <a:latin typeface="Georgia" panose="02040502050405020303" pitchFamily="18" charset="0"/>
              <a:cs typeface="Arial" panose="020B0604020202020204" pitchFamily="34" charset="0"/>
            </a:endParaRPr>
          </a:p>
        </p:txBody>
      </p:sp>
      <p:sp>
        <p:nvSpPr>
          <p:cNvPr id="15" name="Højrepil 14"/>
          <p:cNvSpPr>
            <a:spLocks/>
          </p:cNvSpPr>
          <p:nvPr/>
        </p:nvSpPr>
        <p:spPr>
          <a:xfrm rot="20186854">
            <a:off x="2610486" y="5000334"/>
            <a:ext cx="246185" cy="259192"/>
          </a:xfrm>
          <a:prstGeom prst="rightArrow">
            <a:avLst/>
          </a:prstGeom>
          <a:solidFill>
            <a:schemeClr val="accent5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Højrepil 16"/>
          <p:cNvSpPr>
            <a:spLocks/>
          </p:cNvSpPr>
          <p:nvPr/>
        </p:nvSpPr>
        <p:spPr>
          <a:xfrm rot="20034240">
            <a:off x="3860412" y="4477413"/>
            <a:ext cx="243182" cy="258668"/>
          </a:xfrm>
          <a:prstGeom prst="rightArrow">
            <a:avLst/>
          </a:prstGeom>
          <a:solidFill>
            <a:schemeClr val="accent4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Højrepil 17"/>
          <p:cNvSpPr>
            <a:spLocks/>
          </p:cNvSpPr>
          <p:nvPr/>
        </p:nvSpPr>
        <p:spPr>
          <a:xfrm rot="19133805">
            <a:off x="5084393" y="3639028"/>
            <a:ext cx="266913" cy="276353"/>
          </a:xfrm>
          <a:prstGeom prst="rightArrow">
            <a:avLst/>
          </a:prstGeom>
          <a:solidFill>
            <a:schemeClr val="accent3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Højrepil 18"/>
          <p:cNvSpPr>
            <a:spLocks/>
          </p:cNvSpPr>
          <p:nvPr/>
        </p:nvSpPr>
        <p:spPr>
          <a:xfrm rot="18557552">
            <a:off x="6205479" y="2350520"/>
            <a:ext cx="232604" cy="281959"/>
          </a:xfrm>
          <a:prstGeom prst="rightArrow">
            <a:avLst/>
          </a:prstGeom>
          <a:solidFill>
            <a:schemeClr val="accent2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Ellipse 3"/>
          <p:cNvSpPr>
            <a:spLocks/>
          </p:cNvSpPr>
          <p:nvPr/>
        </p:nvSpPr>
        <p:spPr>
          <a:xfrm>
            <a:off x="1783857" y="4947067"/>
            <a:ext cx="792088" cy="792088"/>
          </a:xfrm>
          <a:prstGeom prst="ellipse">
            <a:avLst/>
          </a:prstGeom>
          <a:solidFill>
            <a:schemeClr val="accent5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100" dirty="0" err="1">
                <a:latin typeface="Arial" panose="020B0604020202020204" pitchFamily="34" charset="0"/>
                <a:cs typeface="Arial" panose="020B0604020202020204" pitchFamily="34" charset="0"/>
              </a:rPr>
              <a:t>Map</a:t>
            </a:r>
            <a:r>
              <a:rPr lang="da-DK" sz="1100" dirty="0">
                <a:latin typeface="Arial" panose="020B0604020202020204" pitchFamily="34" charset="0"/>
                <a:cs typeface="Arial" panose="020B0604020202020204" pitchFamily="34" charset="0"/>
              </a:rPr>
              <a:t>-pings</a:t>
            </a:r>
          </a:p>
        </p:txBody>
      </p:sp>
      <p:sp>
        <p:nvSpPr>
          <p:cNvPr id="10" name="Tekstfelt 9"/>
          <p:cNvSpPr txBox="1">
            <a:spLocks/>
          </p:cNvSpPr>
          <p:nvPr/>
        </p:nvSpPr>
        <p:spPr>
          <a:xfrm>
            <a:off x="2327770" y="5627358"/>
            <a:ext cx="80021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dirty="0">
                <a:solidFill>
                  <a:srgbClr val="FA3C3C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tep 1</a:t>
            </a:r>
          </a:p>
        </p:txBody>
      </p:sp>
      <p:grpSp>
        <p:nvGrpSpPr>
          <p:cNvPr id="64" name="Gruppe 63"/>
          <p:cNvGrpSpPr>
            <a:grpSpLocks/>
          </p:cNvGrpSpPr>
          <p:nvPr/>
        </p:nvGrpSpPr>
        <p:grpSpPr>
          <a:xfrm>
            <a:off x="333076" y="4961943"/>
            <a:ext cx="1406082" cy="445066"/>
            <a:chOff x="393610" y="4394936"/>
            <a:chExt cx="1406082" cy="445066"/>
          </a:xfrm>
          <a:solidFill>
            <a:srgbClr val="FA3C3C"/>
          </a:solidFill>
          <a:effectLst/>
        </p:grpSpPr>
        <p:sp>
          <p:nvSpPr>
            <p:cNvPr id="28" name="Rektangel 27"/>
            <p:cNvSpPr/>
            <p:nvPr/>
          </p:nvSpPr>
          <p:spPr>
            <a:xfrm rot="-2820000">
              <a:off x="1500163" y="4333827"/>
              <a:ext cx="18000" cy="482335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0" name="Ellipse 19"/>
            <p:cNvSpPr/>
            <p:nvPr/>
          </p:nvSpPr>
          <p:spPr>
            <a:xfrm>
              <a:off x="1691680" y="4731990"/>
              <a:ext cx="108012" cy="108012"/>
            </a:xfrm>
            <a:prstGeom prst="ellipse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7" name="Rektangel 26"/>
            <p:cNvSpPr/>
            <p:nvPr/>
          </p:nvSpPr>
          <p:spPr>
            <a:xfrm rot="5400000">
              <a:off x="924610" y="3863936"/>
              <a:ext cx="18000" cy="1080000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5" name="Ellipse 4"/>
          <p:cNvSpPr>
            <a:spLocks/>
          </p:cNvSpPr>
          <p:nvPr/>
        </p:nvSpPr>
        <p:spPr>
          <a:xfrm>
            <a:off x="2879812" y="4371003"/>
            <a:ext cx="972108" cy="972108"/>
          </a:xfrm>
          <a:prstGeom prst="ellipse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dirty="0" err="1">
                <a:latin typeface="Arial" panose="020B0604020202020204" pitchFamily="34" charset="0"/>
                <a:cs typeface="Arial" panose="020B0604020202020204" pitchFamily="34" charset="0"/>
              </a:rPr>
              <a:t>Need</a:t>
            </a:r>
            <a:r>
              <a:rPr lang="da-DK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400" dirty="0" err="1">
                <a:latin typeface="Arial" panose="020B0604020202020204" pitchFamily="34" charset="0"/>
                <a:cs typeface="Arial" panose="020B0604020202020204" pitchFamily="34" charset="0"/>
              </a:rPr>
              <a:t>ana-lysis</a:t>
            </a:r>
            <a:endParaRPr lang="da-DK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Tekstfelt 10"/>
          <p:cNvSpPr txBox="1">
            <a:spLocks/>
          </p:cNvSpPr>
          <p:nvPr/>
        </p:nvSpPr>
        <p:spPr>
          <a:xfrm>
            <a:off x="3635897" y="5142674"/>
            <a:ext cx="8322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dirty="0">
                <a:solidFill>
                  <a:srgbClr val="FA3C3C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tep 2</a:t>
            </a:r>
          </a:p>
        </p:txBody>
      </p:sp>
      <p:grpSp>
        <p:nvGrpSpPr>
          <p:cNvPr id="63" name="Gruppe 62"/>
          <p:cNvGrpSpPr>
            <a:grpSpLocks/>
          </p:cNvGrpSpPr>
          <p:nvPr/>
        </p:nvGrpSpPr>
        <p:grpSpPr>
          <a:xfrm>
            <a:off x="1581742" y="4077073"/>
            <a:ext cx="1406083" cy="445065"/>
            <a:chOff x="1401721" y="3651871"/>
            <a:chExt cx="1406083" cy="445065"/>
          </a:xfrm>
          <a:solidFill>
            <a:srgbClr val="005447">
              <a:alpha val="30000"/>
            </a:srgbClr>
          </a:solidFill>
        </p:grpSpPr>
        <p:sp>
          <p:nvSpPr>
            <p:cNvPr id="39" name="Rektangel 38"/>
            <p:cNvSpPr/>
            <p:nvPr/>
          </p:nvSpPr>
          <p:spPr>
            <a:xfrm rot="-2820000">
              <a:off x="2508275" y="3590761"/>
              <a:ext cx="18000" cy="482335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7" name="Ellipse 36"/>
            <p:cNvSpPr/>
            <p:nvPr/>
          </p:nvSpPr>
          <p:spPr>
            <a:xfrm>
              <a:off x="2699792" y="3988924"/>
              <a:ext cx="108012" cy="108012"/>
            </a:xfrm>
            <a:prstGeom prst="ellipse">
              <a:avLst/>
            </a:prstGeom>
            <a:solidFill>
              <a:srgbClr val="FA3C3C"/>
            </a:solidFill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8" name="Rektangel 37"/>
            <p:cNvSpPr/>
            <p:nvPr/>
          </p:nvSpPr>
          <p:spPr>
            <a:xfrm rot="5400000">
              <a:off x="1932721" y="3120871"/>
              <a:ext cx="18000" cy="1080000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6" name="Ellipse 5"/>
          <p:cNvSpPr>
            <a:spLocks/>
          </p:cNvSpPr>
          <p:nvPr/>
        </p:nvSpPr>
        <p:spPr>
          <a:xfrm>
            <a:off x="4015433" y="3680399"/>
            <a:ext cx="1152128" cy="1152128"/>
          </a:xfrm>
          <a:prstGeom prst="ellipse">
            <a:avLst/>
          </a:prstGeom>
          <a:solidFill>
            <a:schemeClr val="accent4">
              <a:lumMod val="75000"/>
            </a:schemeClr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300" dirty="0" err="1">
                <a:latin typeface="Arial" panose="020B0604020202020204" pitchFamily="34" charset="0"/>
                <a:cs typeface="Arial" panose="020B0604020202020204" pitchFamily="34" charset="0"/>
              </a:rPr>
              <a:t>Tutorials</a:t>
            </a:r>
            <a:r>
              <a:rPr lang="da-DK" sz="13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300" dirty="0" err="1">
                <a:latin typeface="Arial" panose="020B0604020202020204" pitchFamily="34" charset="0"/>
                <a:cs typeface="Arial" panose="020B0604020202020204" pitchFamily="34" charset="0"/>
              </a:rPr>
              <a:t>didactic</a:t>
            </a:r>
            <a:endParaRPr lang="da-DK" sz="13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kstfelt 11"/>
          <p:cNvSpPr txBox="1">
            <a:spLocks/>
          </p:cNvSpPr>
          <p:nvPr/>
        </p:nvSpPr>
        <p:spPr>
          <a:xfrm>
            <a:off x="5040053" y="4566610"/>
            <a:ext cx="8322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dirty="0">
                <a:solidFill>
                  <a:srgbClr val="FA3C3C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tep 3</a:t>
            </a:r>
          </a:p>
        </p:txBody>
      </p:sp>
      <p:grpSp>
        <p:nvGrpSpPr>
          <p:cNvPr id="62" name="Gruppe 61"/>
          <p:cNvGrpSpPr>
            <a:grpSpLocks/>
          </p:cNvGrpSpPr>
          <p:nvPr/>
        </p:nvGrpSpPr>
        <p:grpSpPr>
          <a:xfrm>
            <a:off x="2810242" y="3347272"/>
            <a:ext cx="1406083" cy="445066"/>
            <a:chOff x="2597798" y="2990780"/>
            <a:chExt cx="1406083" cy="445066"/>
          </a:xfrm>
          <a:solidFill>
            <a:srgbClr val="005447">
              <a:alpha val="50000"/>
            </a:srgbClr>
          </a:solidFill>
        </p:grpSpPr>
        <p:sp>
          <p:nvSpPr>
            <p:cNvPr id="42" name="Rektangel 41"/>
            <p:cNvSpPr/>
            <p:nvPr/>
          </p:nvSpPr>
          <p:spPr>
            <a:xfrm rot="-2820000">
              <a:off x="3704352" y="2929671"/>
              <a:ext cx="18000" cy="482335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0" name="Ellipse 39"/>
            <p:cNvSpPr/>
            <p:nvPr/>
          </p:nvSpPr>
          <p:spPr>
            <a:xfrm>
              <a:off x="3895869" y="3327834"/>
              <a:ext cx="108012" cy="108012"/>
            </a:xfrm>
            <a:prstGeom prst="ellipse">
              <a:avLst/>
            </a:prstGeom>
            <a:solidFill>
              <a:srgbClr val="FA3C3C"/>
            </a:solidFill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1" name="Rektangel 40"/>
            <p:cNvSpPr/>
            <p:nvPr/>
          </p:nvSpPr>
          <p:spPr>
            <a:xfrm rot="5400000">
              <a:off x="3128798" y="2459780"/>
              <a:ext cx="18000" cy="1080000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7" name="Ellipse 6"/>
          <p:cNvSpPr>
            <a:spLocks/>
          </p:cNvSpPr>
          <p:nvPr/>
        </p:nvSpPr>
        <p:spPr>
          <a:xfrm>
            <a:off x="5136388" y="2501691"/>
            <a:ext cx="1368152" cy="1368152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dirty="0">
                <a:latin typeface="Arial" panose="020B0604020202020204" pitchFamily="34" charset="0"/>
                <a:cs typeface="Arial" panose="020B0604020202020204" pitchFamily="34" charset="0"/>
              </a:rPr>
              <a:t>Virtual </a:t>
            </a:r>
            <a:r>
              <a:rPr lang="da-DK" sz="1400" dirty="0" err="1">
                <a:latin typeface="Arial" panose="020B0604020202020204" pitchFamily="34" charset="0"/>
                <a:cs typeface="Arial" panose="020B0604020202020204" pitchFamily="34" charset="0"/>
              </a:rPr>
              <a:t>exchange</a:t>
            </a:r>
            <a:r>
              <a:rPr lang="da-DK" sz="1400" dirty="0">
                <a:latin typeface="Arial" panose="020B0604020202020204" pitchFamily="34" charset="0"/>
                <a:cs typeface="Arial" panose="020B0604020202020204" pitchFamily="34" charset="0"/>
              </a:rPr>
              <a:t> format</a:t>
            </a:r>
          </a:p>
        </p:txBody>
      </p:sp>
      <p:sp>
        <p:nvSpPr>
          <p:cNvPr id="13" name="Tekstfelt 12"/>
          <p:cNvSpPr txBox="1">
            <a:spLocks/>
          </p:cNvSpPr>
          <p:nvPr/>
        </p:nvSpPr>
        <p:spPr>
          <a:xfrm>
            <a:off x="6336197" y="3501008"/>
            <a:ext cx="83708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dirty="0">
                <a:solidFill>
                  <a:srgbClr val="FA3C3C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tep 4</a:t>
            </a:r>
          </a:p>
        </p:txBody>
      </p:sp>
      <p:grpSp>
        <p:nvGrpSpPr>
          <p:cNvPr id="61" name="Gruppe 60"/>
          <p:cNvGrpSpPr>
            <a:grpSpLocks/>
          </p:cNvGrpSpPr>
          <p:nvPr/>
        </p:nvGrpSpPr>
        <p:grpSpPr>
          <a:xfrm>
            <a:off x="3713152" y="2562312"/>
            <a:ext cx="1406083" cy="445065"/>
            <a:chOff x="3669973" y="2103699"/>
            <a:chExt cx="1406083" cy="445065"/>
          </a:xfrm>
          <a:solidFill>
            <a:srgbClr val="005447">
              <a:alpha val="75000"/>
            </a:srgbClr>
          </a:solidFill>
        </p:grpSpPr>
        <p:sp>
          <p:nvSpPr>
            <p:cNvPr id="45" name="Rektangel 44"/>
            <p:cNvSpPr/>
            <p:nvPr/>
          </p:nvSpPr>
          <p:spPr>
            <a:xfrm rot="-2820000">
              <a:off x="4776527" y="2042589"/>
              <a:ext cx="18000" cy="482335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3" name="Ellipse 42"/>
            <p:cNvSpPr/>
            <p:nvPr/>
          </p:nvSpPr>
          <p:spPr>
            <a:xfrm>
              <a:off x="4968044" y="2440752"/>
              <a:ext cx="108012" cy="108012"/>
            </a:xfrm>
            <a:prstGeom prst="ellipse">
              <a:avLst/>
            </a:prstGeom>
            <a:solidFill>
              <a:srgbClr val="FA3C3C"/>
            </a:solidFill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44" name="Rektangel 43"/>
            <p:cNvSpPr/>
            <p:nvPr/>
          </p:nvSpPr>
          <p:spPr>
            <a:xfrm rot="5400000">
              <a:off x="4200973" y="1572699"/>
              <a:ext cx="18000" cy="1080000"/>
            </a:xfrm>
            <a:prstGeom prst="rect">
              <a:avLst/>
            </a:prstGeom>
            <a:grpFill/>
            <a:ln>
              <a:solidFill>
                <a:srgbClr val="FA3C3C"/>
              </a:solidFill>
            </a:ln>
            <a:effectLst/>
            <a:scene3d>
              <a:camera prst="orthographicFront"/>
              <a:lightRig rig="threePt" dir="t"/>
            </a:scene3d>
            <a:sp3d>
              <a:bevelT prst="angle"/>
            </a:sp3d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8" name="Ellipse 7"/>
          <p:cNvSpPr>
            <a:spLocks/>
          </p:cNvSpPr>
          <p:nvPr/>
        </p:nvSpPr>
        <p:spPr>
          <a:xfrm>
            <a:off x="6060816" y="917515"/>
            <a:ext cx="1584176" cy="1584176"/>
          </a:xfrm>
          <a:prstGeom prst="ellipse">
            <a:avLst/>
          </a:prstGeom>
          <a:solidFill>
            <a:srgbClr val="FA3C3C"/>
          </a:solidFill>
          <a:ln>
            <a:noFill/>
          </a:ln>
          <a:effectLst/>
          <a:scene3d>
            <a:camera prst="orthographicFront">
              <a:rot lat="0" lon="0" rev="0"/>
            </a:camera>
            <a:lightRig rig="contrasting" dir="t">
              <a:rot lat="0" lon="0" rev="7800000"/>
            </a:lightRig>
          </a:scene3d>
          <a:sp3d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600" dirty="0" err="1">
                <a:latin typeface="Arial" panose="020B0604020202020204" pitchFamily="34" charset="0"/>
                <a:cs typeface="Arial" panose="020B0604020202020204" pitchFamily="34" charset="0"/>
              </a:rPr>
              <a:t>Textbook</a:t>
            </a:r>
            <a:endParaRPr lang="da-DK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Tekstfelt 13"/>
          <p:cNvSpPr txBox="1">
            <a:spLocks/>
          </p:cNvSpPr>
          <p:nvPr/>
        </p:nvSpPr>
        <p:spPr>
          <a:xfrm>
            <a:off x="7524329" y="1997688"/>
            <a:ext cx="82747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dirty="0">
                <a:solidFill>
                  <a:srgbClr val="FA3C3C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tep 5</a:t>
            </a:r>
          </a:p>
        </p:txBody>
      </p:sp>
      <p:sp>
        <p:nvSpPr>
          <p:cNvPr id="49" name="Tekstfelt 48"/>
          <p:cNvSpPr txBox="1">
            <a:spLocks/>
          </p:cNvSpPr>
          <p:nvPr/>
        </p:nvSpPr>
        <p:spPr>
          <a:xfrm>
            <a:off x="162590" y="2673289"/>
            <a:ext cx="1086207" cy="22929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25"/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A concept-mapping</a:t>
            </a:r>
            <a:r>
              <a:rPr lang="en-US" sz="1100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marL="12825"/>
            <a:r>
              <a:rPr lang="en-US" sz="1100" dirty="0"/>
              <a:t>on individual, national and transnational level </a:t>
            </a:r>
          </a:p>
          <a:p>
            <a:pPr marL="12825"/>
            <a:endParaRPr lang="en-US" sz="1100" dirty="0"/>
          </a:p>
          <a:p>
            <a:pPr marL="12825"/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A curriculum mapping</a:t>
            </a:r>
            <a:r>
              <a:rPr lang="en-US" sz="1100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marL="12825"/>
            <a:r>
              <a:rPr lang="en-US" sz="1100" dirty="0"/>
              <a:t>Social studies, history, and religious education. </a:t>
            </a:r>
          </a:p>
        </p:txBody>
      </p:sp>
      <p:sp>
        <p:nvSpPr>
          <p:cNvPr id="50" name="Tekstfelt 49"/>
          <p:cNvSpPr txBox="1">
            <a:spLocks/>
          </p:cNvSpPr>
          <p:nvPr/>
        </p:nvSpPr>
        <p:spPr>
          <a:xfrm>
            <a:off x="1248798" y="2436735"/>
            <a:ext cx="1265982" cy="1785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25"/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A need analysis </a:t>
            </a:r>
            <a:r>
              <a:rPr lang="en-US" sz="1100" dirty="0"/>
              <a:t>consisting of a survey and semi structured interviews with schoolteachers National and transnational analysis. </a:t>
            </a:r>
          </a:p>
          <a:p>
            <a:pPr algn="ctr"/>
            <a:r>
              <a:rPr lang="da-DK" sz="1100" dirty="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</p:txBody>
      </p:sp>
      <p:sp>
        <p:nvSpPr>
          <p:cNvPr id="51" name="Tekstfelt 50"/>
          <p:cNvSpPr txBox="1">
            <a:spLocks/>
          </p:cNvSpPr>
          <p:nvPr/>
        </p:nvSpPr>
        <p:spPr>
          <a:xfrm>
            <a:off x="2446114" y="1959320"/>
            <a:ext cx="1057716" cy="12772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Teaching tutorials </a:t>
            </a:r>
            <a:r>
              <a:rPr lang="en-US" sz="1100" b="1" dirty="0">
                <a:solidFill>
                  <a:schemeClr val="accent1"/>
                </a:solidFill>
              </a:rPr>
              <a:t>and</a:t>
            </a:r>
            <a:r>
              <a:rPr lang="en-US" sz="1100" dirty="0"/>
              <a:t> </a:t>
            </a:r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new pedagogical strategies</a:t>
            </a:r>
          </a:p>
          <a:p>
            <a:r>
              <a:rPr lang="en-US" sz="1100" dirty="0"/>
              <a:t>for student teachers. </a:t>
            </a:r>
          </a:p>
        </p:txBody>
      </p:sp>
      <p:sp>
        <p:nvSpPr>
          <p:cNvPr id="52" name="Tekstfelt 51"/>
          <p:cNvSpPr txBox="1">
            <a:spLocks/>
          </p:cNvSpPr>
          <p:nvPr/>
        </p:nvSpPr>
        <p:spPr>
          <a:xfrm>
            <a:off x="3191567" y="1520181"/>
            <a:ext cx="1522256" cy="9387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70000"/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A two sessions virtual exchange format </a:t>
            </a:r>
          </a:p>
          <a:p>
            <a:pPr marL="270000"/>
            <a:r>
              <a:rPr lang="en-US" sz="1100" dirty="0"/>
              <a:t>for student teachers</a:t>
            </a:r>
          </a:p>
        </p:txBody>
      </p:sp>
      <p:sp>
        <p:nvSpPr>
          <p:cNvPr id="53" name="Tekstfelt 52"/>
          <p:cNvSpPr txBox="1">
            <a:spLocks/>
          </p:cNvSpPr>
          <p:nvPr/>
        </p:nvSpPr>
        <p:spPr>
          <a:xfrm>
            <a:off x="4228586" y="876096"/>
            <a:ext cx="2030709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70000"/>
            <a:r>
              <a:rPr lang="en-US" sz="1100" b="1" dirty="0">
                <a:solidFill>
                  <a:schemeClr val="accent1">
                    <a:lumMod val="75000"/>
                  </a:schemeClr>
                </a:solidFill>
              </a:rPr>
              <a:t>5. A textbook </a:t>
            </a:r>
          </a:p>
          <a:p>
            <a:pPr marL="270000"/>
            <a:r>
              <a:rPr lang="en-US" sz="1100" dirty="0"/>
              <a:t>combining theory with pedagogical models and exampl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81581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0" y="230334"/>
            <a:ext cx="9144000" cy="1143000"/>
          </a:xfrm>
        </p:spPr>
        <p:txBody>
          <a:bodyPr>
            <a:noAutofit/>
          </a:bodyPr>
          <a:lstStyle/>
          <a:p>
            <a:r>
              <a:rPr lang="da-DK" sz="3200" b="1" dirty="0"/>
              <a:t>Konkurrerende fortællinger </a:t>
            </a:r>
            <a:br>
              <a:rPr lang="da-DK" sz="3200" b="1" dirty="0"/>
            </a:br>
            <a:r>
              <a:rPr lang="da-DK" sz="3200" b="1" dirty="0"/>
              <a:t>og kontroversielle emner</a:t>
            </a:r>
            <a:br>
              <a:rPr lang="da-DK" sz="3200" b="1" dirty="0"/>
            </a:br>
            <a:r>
              <a:rPr lang="da-DK" sz="3200" b="1" dirty="0">
                <a:solidFill>
                  <a:srgbClr val="FF0000"/>
                </a:solidFill>
              </a:rPr>
              <a:t>Definitioner: 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256855" y="1619756"/>
            <a:ext cx="4318580" cy="5119348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da-DK" b="1" dirty="0"/>
              <a:t>Konkurrerende fortællinger </a:t>
            </a:r>
          </a:p>
          <a:p>
            <a:pPr marL="0" indent="0">
              <a:buNone/>
            </a:pPr>
            <a:r>
              <a:rPr lang="da-DK" dirty="0"/>
              <a:t>Forskellige kollektive fortolkninger af begivenheder, aktører eller tekster, der skaber modstridende opfattelser og følelser vedr. fortiden, nutiden og fremtiden. </a:t>
            </a:r>
            <a:endParaRPr lang="da-DK" b="1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934092" y="1619756"/>
            <a:ext cx="3864295" cy="3400761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da-DK" b="1" dirty="0"/>
              <a:t>Kontroversielle emner</a:t>
            </a:r>
          </a:p>
          <a:p>
            <a:pPr marL="0" indent="0">
              <a:buNone/>
            </a:pPr>
            <a:r>
              <a:rPr lang="da-DK" dirty="0"/>
              <a:t>Emner af offentlig interesse, der skaber modstridende synspunkter og vækker stærke følelser, som resulterer i reaktioner eller undvigelse.</a:t>
            </a:r>
          </a:p>
        </p:txBody>
      </p:sp>
      <p:sp>
        <p:nvSpPr>
          <p:cNvPr id="6" name="Tekstfelt 5"/>
          <p:cNvSpPr txBox="1"/>
          <p:nvPr/>
        </p:nvSpPr>
        <p:spPr>
          <a:xfrm>
            <a:off x="359209" y="4969324"/>
            <a:ext cx="4216225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ONZITIZENS </a:t>
            </a:r>
            <a:r>
              <a:rPr lang="da-DK" dirty="0"/>
              <a:t>definitioner:</a:t>
            </a:r>
          </a:p>
          <a:p>
            <a:r>
              <a:rPr lang="en-US" i="1" dirty="0"/>
              <a:t>“Different collective interpretations of events, figures or texts that create conflicting perceptions and feelings about the past, present and future.”</a:t>
            </a:r>
          </a:p>
          <a:p>
            <a:endParaRPr lang="da-DK" dirty="0"/>
          </a:p>
        </p:txBody>
      </p:sp>
      <p:sp>
        <p:nvSpPr>
          <p:cNvPr id="7" name="Tekstfelt 6"/>
          <p:cNvSpPr txBox="1"/>
          <p:nvPr/>
        </p:nvSpPr>
        <p:spPr>
          <a:xfrm>
            <a:off x="4934092" y="4969324"/>
            <a:ext cx="3864295" cy="175432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ONZITIZENS </a:t>
            </a:r>
            <a:r>
              <a:rPr lang="da-DK" dirty="0"/>
              <a:t>definitioner:</a:t>
            </a:r>
          </a:p>
          <a:p>
            <a:r>
              <a:rPr lang="en-US" i="1" dirty="0"/>
              <a:t>“Issues of public importance that generate conflicting views and evoke strong emotions that result in reactions or avoidance.”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9183915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0" y="230334"/>
            <a:ext cx="9144000" cy="1143000"/>
          </a:xfrm>
        </p:spPr>
        <p:txBody>
          <a:bodyPr>
            <a:noAutofit/>
          </a:bodyPr>
          <a:lstStyle/>
          <a:p>
            <a:r>
              <a:rPr lang="da-DK" sz="3200" b="1" dirty="0"/>
              <a:t>Konkurrerende fortællinger </a:t>
            </a:r>
            <a:br>
              <a:rPr lang="da-DK" sz="3200" b="1" dirty="0"/>
            </a:br>
            <a:r>
              <a:rPr lang="da-DK" sz="3200" b="1" dirty="0"/>
              <a:t>og kontroversielle emner</a:t>
            </a:r>
            <a:br>
              <a:rPr lang="da-DK" sz="3200" b="1" dirty="0"/>
            </a:br>
            <a:r>
              <a:rPr lang="da-DK" sz="3200" b="1" dirty="0">
                <a:solidFill>
                  <a:srgbClr val="FF0000"/>
                </a:solidFill>
              </a:rPr>
              <a:t>Dimensioner: 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81056" y="1993187"/>
            <a:ext cx="4327065" cy="3621732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da-DK" b="1" dirty="0" err="1"/>
              <a:t>Contested</a:t>
            </a:r>
            <a:r>
              <a:rPr lang="da-DK" b="1" dirty="0"/>
              <a:t> narratives</a:t>
            </a:r>
          </a:p>
          <a:p>
            <a:pPr marL="0" indent="0">
              <a:buNone/>
            </a:pPr>
            <a:r>
              <a:rPr lang="da-DK" dirty="0"/>
              <a:t>Måder hvorpå de bestrides: </a:t>
            </a:r>
          </a:p>
          <a:p>
            <a:r>
              <a:rPr lang="da-DK" dirty="0"/>
              <a:t>Fortællinger, som der stilles spørgsmålstegn ved</a:t>
            </a:r>
          </a:p>
          <a:p>
            <a:r>
              <a:rPr lang="da-DK" dirty="0"/>
              <a:t>Konkurrerende fortællinger</a:t>
            </a:r>
          </a:p>
          <a:p>
            <a:r>
              <a:rPr lang="da-DK" dirty="0"/>
              <a:t>Modstridende fortællinger</a:t>
            </a:r>
          </a:p>
          <a:p>
            <a:r>
              <a:rPr lang="da-DK" dirty="0"/>
              <a:t>Grund- vs. modfortællinger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endParaRPr lang="da-DK" b="1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5193648" y="1993187"/>
            <a:ext cx="3950352" cy="4574964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da-DK" b="1" dirty="0" err="1"/>
              <a:t>Controversial</a:t>
            </a:r>
            <a:r>
              <a:rPr lang="da-DK" b="1" dirty="0"/>
              <a:t> </a:t>
            </a:r>
            <a:r>
              <a:rPr lang="da-DK" b="1" dirty="0" err="1"/>
              <a:t>issues</a:t>
            </a:r>
            <a:endParaRPr lang="da-DK" b="1" dirty="0"/>
          </a:p>
          <a:p>
            <a:pPr marL="0" indent="0">
              <a:buNone/>
            </a:pPr>
            <a:r>
              <a:rPr lang="da-DK" dirty="0"/>
              <a:t>Typer af problemer:</a:t>
            </a:r>
          </a:p>
          <a:p>
            <a:r>
              <a:rPr lang="da-DK" dirty="0"/>
              <a:t>Følelsesmæssige</a:t>
            </a:r>
          </a:p>
          <a:p>
            <a:r>
              <a:rPr lang="da-DK" dirty="0"/>
              <a:t>Kontekstafhængige</a:t>
            </a:r>
          </a:p>
          <a:p>
            <a:r>
              <a:rPr lang="da-DK" dirty="0"/>
              <a:t>Langsigtede og kortsigtede</a:t>
            </a:r>
          </a:p>
        </p:txBody>
      </p:sp>
    </p:spTree>
    <p:extLst>
      <p:ext uri="{BB962C8B-B14F-4D97-AF65-F5344CB8AC3E}">
        <p14:creationId xmlns:p14="http://schemas.microsoft.com/office/powerpoint/2010/main" val="29637624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F46C91-A67B-4EC9-B505-8614A38AB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</p:spPr>
        <p:txBody>
          <a:bodyPr>
            <a:noAutofit/>
          </a:bodyPr>
          <a:lstStyle/>
          <a:p>
            <a:pPr algn="l"/>
            <a:r>
              <a:rPr lang="da-DK" sz="2800" b="1" dirty="0"/>
              <a:t>Konkurrerende fortællinger der rummer</a:t>
            </a:r>
            <a:br>
              <a:rPr lang="da-DK" sz="2800" b="1" dirty="0"/>
            </a:br>
            <a:r>
              <a:rPr lang="da-DK" sz="2800" b="1" dirty="0"/>
              <a:t>flere kontroversielle emner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31967D57-ABAD-4E78-BFC6-621FBD5AC41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06509814"/>
              </p:ext>
            </p:extLst>
          </p:nvPr>
        </p:nvGraphicFramePr>
        <p:xfrm>
          <a:off x="575556" y="1825626"/>
          <a:ext cx="7363730" cy="37636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Tekstfelt 2"/>
          <p:cNvSpPr txBox="1"/>
          <p:nvPr/>
        </p:nvSpPr>
        <p:spPr>
          <a:xfrm>
            <a:off x="4560136" y="5877273"/>
            <a:ext cx="337915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>
                <a:cs typeface="Arial Bold"/>
              </a:rPr>
              <a:t>(Transnational definitions: ConCitizen 2022)</a:t>
            </a:r>
            <a:endParaRPr lang="da-DK" sz="1400" noProof="0" dirty="0">
              <a:solidFill>
                <a:schemeClr val="tx1"/>
              </a:solidFill>
              <a:cs typeface="Arial Bold"/>
            </a:endParaRPr>
          </a:p>
        </p:txBody>
      </p:sp>
    </p:spTree>
    <p:extLst>
      <p:ext uri="{BB962C8B-B14F-4D97-AF65-F5344CB8AC3E}">
        <p14:creationId xmlns:p14="http://schemas.microsoft.com/office/powerpoint/2010/main" val="4190898251"/>
      </p:ext>
    </p:extLst>
  </p:cSld>
  <p:clrMapOvr>
    <a:masterClrMapping/>
  </p:clrMapOvr>
  <p:transition spd="slow">
    <p:wipe dir="r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F46C91-A67B-4EC9-B505-8614A38AB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</p:spPr>
        <p:txBody>
          <a:bodyPr>
            <a:noAutofit/>
          </a:bodyPr>
          <a:lstStyle/>
          <a:p>
            <a:pPr algn="l"/>
            <a:r>
              <a:rPr lang="da-DK" sz="2800" b="1" dirty="0"/>
              <a:t>Kontroversielle emner med flere</a:t>
            </a:r>
            <a:br>
              <a:rPr lang="da-DK" sz="2800" b="1" dirty="0"/>
            </a:br>
            <a:r>
              <a:rPr lang="da-DK" sz="2800" b="1" dirty="0"/>
              <a:t>lag af konkurrerende fortællinger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31967D57-ABAD-4E78-BFC6-621FBD5AC41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78812184"/>
              </p:ext>
            </p:extLst>
          </p:nvPr>
        </p:nvGraphicFramePr>
        <p:xfrm>
          <a:off x="577655" y="1825626"/>
          <a:ext cx="7399734" cy="381162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Tekstfelt 4"/>
          <p:cNvSpPr txBox="1"/>
          <p:nvPr/>
        </p:nvSpPr>
        <p:spPr>
          <a:xfrm>
            <a:off x="4598239" y="5877273"/>
            <a:ext cx="337915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>
                <a:cs typeface="Arial Bold"/>
              </a:rPr>
              <a:t>(Transnational definitions: ConCitizen 2022)</a:t>
            </a:r>
            <a:endParaRPr lang="da-DK" sz="1400" noProof="0" dirty="0">
              <a:solidFill>
                <a:schemeClr val="tx1"/>
              </a:solidFill>
              <a:cs typeface="Arial Bold"/>
            </a:endParaRPr>
          </a:p>
        </p:txBody>
      </p:sp>
    </p:spTree>
    <p:extLst>
      <p:ext uri="{BB962C8B-B14F-4D97-AF65-F5344CB8AC3E}">
        <p14:creationId xmlns:p14="http://schemas.microsoft.com/office/powerpoint/2010/main" val="3895067411"/>
      </p:ext>
    </p:extLst>
  </p:cSld>
  <p:clrMapOvr>
    <a:masterClrMapping/>
  </p:clrMapOvr>
  <p:transition spd="slow">
    <p:wipe dir="r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F46C91-A67B-4EC9-B505-8614A38ABB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9"/>
            <a:ext cx="7931224" cy="1143000"/>
          </a:xfrm>
        </p:spPr>
        <p:txBody>
          <a:bodyPr>
            <a:noAutofit/>
          </a:bodyPr>
          <a:lstStyle/>
          <a:p>
            <a:pPr algn="l"/>
            <a:r>
              <a:rPr lang="da-DK" sz="2800" b="1" dirty="0"/>
              <a:t>Grundlæggende indhold i konkurrerende fortællinger og kontroversielle emner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31967D57-ABAD-4E78-BFC6-621FBD5AC415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00854775"/>
              </p:ext>
            </p:extLst>
          </p:nvPr>
        </p:nvGraphicFramePr>
        <p:xfrm>
          <a:off x="503548" y="1844825"/>
          <a:ext cx="8244916" cy="37636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kstfelt 5"/>
          <p:cNvSpPr txBox="1"/>
          <p:nvPr/>
        </p:nvSpPr>
        <p:spPr>
          <a:xfrm>
            <a:off x="5369314" y="6185050"/>
            <a:ext cx="337915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dirty="0">
                <a:cs typeface="Arial Bold"/>
              </a:rPr>
              <a:t>(Transnational definitions: ConCitizen 2022)</a:t>
            </a:r>
            <a:endParaRPr lang="da-DK" sz="1400" noProof="0" dirty="0">
              <a:solidFill>
                <a:schemeClr val="tx1"/>
              </a:solidFill>
              <a:cs typeface="Arial Bold"/>
            </a:endParaRPr>
          </a:p>
        </p:txBody>
      </p:sp>
    </p:spTree>
    <p:extLst>
      <p:ext uri="{BB962C8B-B14F-4D97-AF65-F5344CB8AC3E}">
        <p14:creationId xmlns:p14="http://schemas.microsoft.com/office/powerpoint/2010/main" val="2086481517"/>
      </p:ext>
    </p:extLst>
  </p:cSld>
  <p:clrMapOvr>
    <a:masterClrMapping/>
  </p:clrMapOvr>
  <p:transition spd="slow">
    <p:wipe dir="r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3">
            <a:extLst>
              <a:ext uri="{FF2B5EF4-FFF2-40B4-BE49-F238E27FC236}">
                <a16:creationId xmlns:a16="http://schemas.microsoft.com/office/drawing/2014/main" id="{66443647-AB08-616C-1DE8-08E0CFA52C1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83569" y="2421467"/>
            <a:ext cx="4040412" cy="355181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b="1" dirty="0">
                <a:solidFill>
                  <a:srgbClr val="FF0000"/>
                </a:solidFill>
              </a:rPr>
              <a:t>Det kontroversielle emne:</a:t>
            </a:r>
          </a:p>
          <a:p>
            <a:pPr marL="0" indent="0">
              <a:buNone/>
            </a:pPr>
            <a:r>
              <a:rPr lang="da-DK" sz="2400" dirty="0">
                <a:solidFill>
                  <a:schemeClr val="tx1"/>
                </a:solidFill>
              </a:rPr>
              <a:t>At fornærme, håne og gøre grin med Islam</a:t>
            </a:r>
          </a:p>
          <a:p>
            <a:r>
              <a:rPr lang="da-DK" sz="2400" dirty="0">
                <a:solidFill>
                  <a:schemeClr val="tx1"/>
                </a:solidFill>
              </a:rPr>
              <a:t>Skabte stor </a:t>
            </a:r>
            <a:r>
              <a:rPr lang="da-DK" sz="2400" b="1" dirty="0">
                <a:solidFill>
                  <a:schemeClr val="tx1"/>
                </a:solidFill>
              </a:rPr>
              <a:t>offentlig interesse </a:t>
            </a:r>
            <a:r>
              <a:rPr lang="da-DK" sz="2400" dirty="0">
                <a:solidFill>
                  <a:schemeClr val="tx1"/>
                </a:solidFill>
              </a:rPr>
              <a:t>og</a:t>
            </a:r>
            <a:r>
              <a:rPr lang="da-DK" sz="2400" b="1" dirty="0">
                <a:solidFill>
                  <a:schemeClr val="tx1"/>
                </a:solidFill>
              </a:rPr>
              <a:t> modstridende synspunkter</a:t>
            </a:r>
          </a:p>
          <a:p>
            <a:r>
              <a:rPr lang="da-DK" sz="2400" dirty="0">
                <a:solidFill>
                  <a:schemeClr val="tx1"/>
                </a:solidFill>
              </a:rPr>
              <a:t>Vakte </a:t>
            </a:r>
            <a:r>
              <a:rPr lang="da-DK" sz="2400" b="1" dirty="0">
                <a:solidFill>
                  <a:schemeClr val="tx1"/>
                </a:solidFill>
              </a:rPr>
              <a:t>stærke følelser </a:t>
            </a:r>
            <a:r>
              <a:rPr lang="da-DK" sz="2400" dirty="0">
                <a:solidFill>
                  <a:schemeClr val="tx1"/>
                </a:solidFill>
              </a:rPr>
              <a:t>og meget kraftige </a:t>
            </a:r>
            <a:r>
              <a:rPr lang="da-DK" sz="2400" b="1" dirty="0">
                <a:solidFill>
                  <a:schemeClr val="tx1"/>
                </a:solidFill>
              </a:rPr>
              <a:t>reaktioner</a:t>
            </a:r>
          </a:p>
        </p:txBody>
      </p:sp>
      <p:sp>
        <p:nvSpPr>
          <p:cNvPr id="7" name="Titel 1"/>
          <p:cNvSpPr>
            <a:spLocks noGrp="1"/>
          </p:cNvSpPr>
          <p:nvPr>
            <p:ph type="title"/>
          </p:nvPr>
        </p:nvSpPr>
        <p:spPr>
          <a:xfrm>
            <a:off x="0" y="247833"/>
            <a:ext cx="9144000" cy="1951794"/>
          </a:xfrm>
        </p:spPr>
        <p:txBody>
          <a:bodyPr>
            <a:normAutofit/>
          </a:bodyPr>
          <a:lstStyle/>
          <a:p>
            <a:r>
              <a:rPr lang="da-DK" sz="2800" b="1" dirty="0"/>
              <a:t>Eksempel: Muhammad-karikatur-krisen (2005-2006)</a:t>
            </a:r>
            <a:br>
              <a:rPr lang="da-DK" sz="2800" b="1" dirty="0"/>
            </a:br>
            <a:r>
              <a:rPr lang="da-DK" sz="1200" b="1" dirty="0"/>
              <a:t>  </a:t>
            </a:r>
            <a:br>
              <a:rPr lang="da-DK" sz="1200" dirty="0"/>
            </a:br>
            <a:r>
              <a:rPr lang="da-DK" sz="2800" dirty="0"/>
              <a:t>Et kontroversielt emne med flere</a:t>
            </a:r>
            <a:br>
              <a:rPr lang="da-DK" sz="2800" dirty="0"/>
            </a:br>
            <a:r>
              <a:rPr lang="da-DK" sz="2800" dirty="0"/>
              <a:t>lag af konkurrerende fortællinger</a:t>
            </a:r>
          </a:p>
        </p:txBody>
      </p:sp>
      <p:pic>
        <p:nvPicPr>
          <p:cNvPr id="8" name="Billede 7" descr="imagescaler.jpeg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648" r="16859"/>
          <a:stretch/>
        </p:blipFill>
        <p:spPr>
          <a:xfrm>
            <a:off x="5081155" y="2455117"/>
            <a:ext cx="3451286" cy="3580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845883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00535343392"/>
</p:tagLst>
</file>

<file path=ppt/theme/theme1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64</TotalTime>
  <Words>710</Words>
  <Application>Microsoft Office PowerPoint</Application>
  <PresentationFormat>Skærmshow (4:3)</PresentationFormat>
  <Paragraphs>124</Paragraphs>
  <Slides>13</Slides>
  <Notes>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8" baseType="lpstr">
      <vt:lpstr>Arial</vt:lpstr>
      <vt:lpstr>Arial Bold</vt:lpstr>
      <vt:lpstr>Calibri</vt:lpstr>
      <vt:lpstr>Georgia</vt:lpstr>
      <vt:lpstr>Kontortema</vt:lpstr>
      <vt:lpstr>Erasmus+ projektet: Contested Narratives and Controversial Issues in Citizenship Education</vt:lpstr>
      <vt:lpstr>PowerPoint-præsentation</vt:lpstr>
      <vt:lpstr>PowerPoint-præsentation</vt:lpstr>
      <vt:lpstr>Konkurrerende fortællinger  og kontroversielle emner Definitioner: </vt:lpstr>
      <vt:lpstr>Konkurrerende fortællinger  og kontroversielle emner Dimensioner: </vt:lpstr>
      <vt:lpstr>Konkurrerende fortællinger der rummer flere kontroversielle emner</vt:lpstr>
      <vt:lpstr>Kontroversielle emner med flere lag af konkurrerende fortællinger</vt:lpstr>
      <vt:lpstr>Grundlæggende indhold i konkurrerende fortællinger og kontroversielle emner</vt:lpstr>
      <vt:lpstr>Eksempel: Muhammad-karikatur-krisen (2005-2006)    Et kontroversielt emne med flere lag af konkurrerende fortællinger</vt:lpstr>
      <vt:lpstr>Eksempel: Muhammad-karikatur-krisen (2005-2006)    Et kontroversielt emne med flere lag af konkurrerende fortællinger</vt:lpstr>
      <vt:lpstr>Eksempel: Muhammad-karikatur-krisen (2005-2006)    Et kontroversielt emne med flere lag af konkurrerende fortællinger</vt:lpstr>
      <vt:lpstr>Eksempel: Muhammad-karikatur-krisen (2005-2006)    Et kontroversielt emne med flere lag af konkurrerende fortællinger</vt:lpstr>
      <vt:lpstr>Fagdidaktik og arbejdet med kontroversielle emner i praksis</vt:lpstr>
    </vt:vector>
  </TitlesOfParts>
  <Company>UC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æsentation af ConCitizens definitioner af CI og CN Deltagerne finder eksempler på kontroversielle emner i deres fag</dc:title>
  <dc:creator>Andreas Kopp</dc:creator>
  <cp:lastModifiedBy>Arne Mølgaard</cp:lastModifiedBy>
  <cp:revision>24</cp:revision>
  <dcterms:created xsi:type="dcterms:W3CDTF">2022-11-21T09:50:09Z</dcterms:created>
  <dcterms:modified xsi:type="dcterms:W3CDTF">2024-05-20T11:51:15Z</dcterms:modified>
</cp:coreProperties>
</file>